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4決算\99-2_ローマ字表記のファイル（HP用）\１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CO35" i="10"/>
  <c r="BE35" i="10"/>
  <c r="AM35" i="10"/>
  <c r="U35" i="10"/>
  <c r="C35" i="10"/>
  <c r="BW34" i="10"/>
  <c r="BW35" i="10" s="1"/>
  <c r="BW36" i="10" s="1"/>
  <c r="BW37" i="10" s="1"/>
  <c r="BW38" i="10" s="1"/>
  <c r="BW39" i="10" s="1"/>
  <c r="BW40" i="10" s="1"/>
  <c r="BW41" i="10" s="1"/>
  <c r="BW42" i="10" s="1"/>
  <c r="BE34" i="10"/>
  <c r="AM34" i="10"/>
  <c r="U34" i="10"/>
  <c r="C34" i="10"/>
  <c r="CO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45" uniqueCount="58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8</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神奈川県松田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神奈川県松田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下水道事業特別会計</t>
    <phoneticPr fontId="5"/>
  </si>
  <si>
    <t>法非適用企業</t>
    <phoneticPr fontId="5"/>
  </si>
  <si>
    <t>寄簡易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4.98</t>
  </si>
  <si>
    <t>▲ 0.62</t>
  </si>
  <si>
    <t>上水道事業会計</t>
  </si>
  <si>
    <t>一般会計</t>
  </si>
  <si>
    <t>介護保険事業特別会計</t>
  </si>
  <si>
    <t>国民健康保険事業特別会計</t>
  </si>
  <si>
    <t>後期高齢者医療特別会計</t>
  </si>
  <si>
    <t>下水道事業特別会計</t>
  </si>
  <si>
    <t>国民健康保険診療所事業特別会計</t>
  </si>
  <si>
    <t>寄簡易水道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有限会社　みやまの里</t>
    <rPh sb="0" eb="4">
      <t>ユウゲンガイシャ</t>
    </rPh>
    <rPh sb="9" eb="10">
      <t>サト</t>
    </rPh>
    <phoneticPr fontId="2"/>
  </si>
  <si>
    <t>南足柄市外五ケ市町組合</t>
  </si>
  <si>
    <t>松田町外二ヶ町組合</t>
  </si>
  <si>
    <t>足柄上衛生組合</t>
  </si>
  <si>
    <t>足柄東部清掃組合</t>
  </si>
  <si>
    <t>松田町外三ケ町組合</t>
  </si>
  <si>
    <t>神奈川県市町村職員退職手当組合</t>
  </si>
  <si>
    <t>神奈川県後期高齢者医療広域連合（一般会計）</t>
  </si>
  <si>
    <t>神奈川県後期高齢者医療広域連合（特別会計）</t>
  </si>
  <si>
    <t>神奈川県町村情報システム共同事業組合</t>
  </si>
  <si>
    <t>松田町新松田駅周辺整備基金</t>
  </si>
  <si>
    <t>松田町公共施設等整備基金</t>
    <rPh sb="3" eb="8">
      <t>コウキョウシセツトウ</t>
    </rPh>
    <rPh sb="8" eb="12">
      <t>セイビキキン</t>
    </rPh>
    <phoneticPr fontId="5"/>
  </si>
  <si>
    <t>松田町教育施設整備基金</t>
  </si>
  <si>
    <t>松田町町営住宅基金</t>
  </si>
  <si>
    <t>松田町体育振興基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88328</c:v>
                </c:pt>
                <c:pt idx="1">
                  <c:v>103390</c:v>
                </c:pt>
                <c:pt idx="2">
                  <c:v>117234</c:v>
                </c:pt>
                <c:pt idx="3">
                  <c:v>97758</c:v>
                </c:pt>
                <c:pt idx="4">
                  <c:v>91338</c:v>
                </c:pt>
              </c:numCache>
            </c:numRef>
          </c:val>
          <c:smooth val="0"/>
          <c:extLst>
            <c:ext xmlns:c16="http://schemas.microsoft.com/office/drawing/2014/chart" uri="{C3380CC4-5D6E-409C-BE32-E72D297353CC}">
              <c16:uniqueId val="{00000000-D57C-499D-904F-0E163D9C976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87056</c:v>
                </c:pt>
                <c:pt idx="1">
                  <c:v>56834</c:v>
                </c:pt>
                <c:pt idx="2">
                  <c:v>103749</c:v>
                </c:pt>
                <c:pt idx="3">
                  <c:v>199599</c:v>
                </c:pt>
                <c:pt idx="4">
                  <c:v>76521</c:v>
                </c:pt>
              </c:numCache>
            </c:numRef>
          </c:val>
          <c:smooth val="0"/>
          <c:extLst>
            <c:ext xmlns:c16="http://schemas.microsoft.com/office/drawing/2014/chart" uri="{C3380CC4-5D6E-409C-BE32-E72D297353CC}">
              <c16:uniqueId val="{00000001-D57C-499D-904F-0E163D9C976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12</c:v>
                </c:pt>
                <c:pt idx="1">
                  <c:v>7.2</c:v>
                </c:pt>
                <c:pt idx="2">
                  <c:v>12.28</c:v>
                </c:pt>
                <c:pt idx="3">
                  <c:v>15.44</c:v>
                </c:pt>
                <c:pt idx="4">
                  <c:v>11.99</c:v>
                </c:pt>
              </c:numCache>
            </c:numRef>
          </c:val>
          <c:extLst>
            <c:ext xmlns:c16="http://schemas.microsoft.com/office/drawing/2014/chart" uri="{C3380CC4-5D6E-409C-BE32-E72D297353CC}">
              <c16:uniqueId val="{00000000-B608-4EBD-9105-28068EB570B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2.21</c:v>
                </c:pt>
                <c:pt idx="1">
                  <c:v>12.38</c:v>
                </c:pt>
                <c:pt idx="2">
                  <c:v>24.49</c:v>
                </c:pt>
                <c:pt idx="3">
                  <c:v>36.56</c:v>
                </c:pt>
                <c:pt idx="4">
                  <c:v>46.56</c:v>
                </c:pt>
              </c:numCache>
            </c:numRef>
          </c:val>
          <c:extLst>
            <c:ext xmlns:c16="http://schemas.microsoft.com/office/drawing/2014/chart" uri="{C3380CC4-5D6E-409C-BE32-E72D297353CC}">
              <c16:uniqueId val="{00000001-B608-4EBD-9105-28068EB570B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9800000000000004</c:v>
                </c:pt>
                <c:pt idx="1">
                  <c:v>2.0099999999999998</c:v>
                </c:pt>
                <c:pt idx="2">
                  <c:v>18.22</c:v>
                </c:pt>
                <c:pt idx="3">
                  <c:v>10.96</c:v>
                </c:pt>
                <c:pt idx="4">
                  <c:v>-0.62</c:v>
                </c:pt>
              </c:numCache>
            </c:numRef>
          </c:val>
          <c:smooth val="0"/>
          <c:extLst>
            <c:ext xmlns:c16="http://schemas.microsoft.com/office/drawing/2014/chart" uri="{C3380CC4-5D6E-409C-BE32-E72D297353CC}">
              <c16:uniqueId val="{00000002-B608-4EBD-9105-28068EB570B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DBA4-427F-AB5B-9D34A56A569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BA4-427F-AB5B-9D34A56A5692}"/>
            </c:ext>
          </c:extLst>
        </c:ser>
        <c:ser>
          <c:idx val="2"/>
          <c:order val="2"/>
          <c:tx>
            <c:strRef>
              <c:f>データシート!$A$29</c:f>
              <c:strCache>
                <c:ptCount val="1"/>
                <c:pt idx="0">
                  <c:v>寄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6</c:v>
                </c:pt>
                <c:pt idx="2">
                  <c:v>#N/A</c:v>
                </c:pt>
                <c:pt idx="3">
                  <c:v>0.11</c:v>
                </c:pt>
                <c:pt idx="4">
                  <c:v>#N/A</c:v>
                </c:pt>
                <c:pt idx="5">
                  <c:v>0.26</c:v>
                </c:pt>
                <c:pt idx="6">
                  <c:v>#N/A</c:v>
                </c:pt>
                <c:pt idx="7">
                  <c:v>0.15</c:v>
                </c:pt>
                <c:pt idx="8">
                  <c:v>#N/A</c:v>
                </c:pt>
                <c:pt idx="9">
                  <c:v>0.06</c:v>
                </c:pt>
              </c:numCache>
            </c:numRef>
          </c:val>
          <c:extLst>
            <c:ext xmlns:c16="http://schemas.microsoft.com/office/drawing/2014/chart" uri="{C3380CC4-5D6E-409C-BE32-E72D297353CC}">
              <c16:uniqueId val="{00000002-DBA4-427F-AB5B-9D34A56A5692}"/>
            </c:ext>
          </c:extLst>
        </c:ser>
        <c:ser>
          <c:idx val="3"/>
          <c:order val="3"/>
          <c:tx>
            <c:strRef>
              <c:f>データシート!$A$30</c:f>
              <c:strCache>
                <c:ptCount val="1"/>
                <c:pt idx="0">
                  <c:v>国民健康保険診療所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45</c:v>
                </c:pt>
                <c:pt idx="2">
                  <c:v>#N/A</c:v>
                </c:pt>
                <c:pt idx="3">
                  <c:v>0.56000000000000005</c:v>
                </c:pt>
                <c:pt idx="4">
                  <c:v>#N/A</c:v>
                </c:pt>
                <c:pt idx="5">
                  <c:v>0.56999999999999995</c:v>
                </c:pt>
                <c:pt idx="6">
                  <c:v>#N/A</c:v>
                </c:pt>
                <c:pt idx="7">
                  <c:v>0.38</c:v>
                </c:pt>
                <c:pt idx="8">
                  <c:v>#N/A</c:v>
                </c:pt>
                <c:pt idx="9">
                  <c:v>0.17</c:v>
                </c:pt>
              </c:numCache>
            </c:numRef>
          </c:val>
          <c:extLst>
            <c:ext xmlns:c16="http://schemas.microsoft.com/office/drawing/2014/chart" uri="{C3380CC4-5D6E-409C-BE32-E72D297353CC}">
              <c16:uniqueId val="{00000003-DBA4-427F-AB5B-9D34A56A5692}"/>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51</c:v>
                </c:pt>
                <c:pt idx="2">
                  <c:v>#N/A</c:v>
                </c:pt>
                <c:pt idx="3">
                  <c:v>0.97</c:v>
                </c:pt>
                <c:pt idx="4">
                  <c:v>#N/A</c:v>
                </c:pt>
                <c:pt idx="5">
                  <c:v>0.49</c:v>
                </c:pt>
                <c:pt idx="6">
                  <c:v>#N/A</c:v>
                </c:pt>
                <c:pt idx="7">
                  <c:v>0.57999999999999996</c:v>
                </c:pt>
                <c:pt idx="8">
                  <c:v>#N/A</c:v>
                </c:pt>
                <c:pt idx="9">
                  <c:v>0.25</c:v>
                </c:pt>
              </c:numCache>
            </c:numRef>
          </c:val>
          <c:extLst>
            <c:ext xmlns:c16="http://schemas.microsoft.com/office/drawing/2014/chart" uri="{C3380CC4-5D6E-409C-BE32-E72D297353CC}">
              <c16:uniqueId val="{00000004-DBA4-427F-AB5B-9D34A56A5692}"/>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c:v>
                </c:pt>
                <c:pt idx="2">
                  <c:v>#N/A</c:v>
                </c:pt>
                <c:pt idx="3">
                  <c:v>0.15</c:v>
                </c:pt>
                <c:pt idx="4">
                  <c:v>#N/A</c:v>
                </c:pt>
                <c:pt idx="5">
                  <c:v>0.15</c:v>
                </c:pt>
                <c:pt idx="6">
                  <c:v>#N/A</c:v>
                </c:pt>
                <c:pt idx="7">
                  <c:v>0.16</c:v>
                </c:pt>
                <c:pt idx="8">
                  <c:v>#N/A</c:v>
                </c:pt>
                <c:pt idx="9">
                  <c:v>0.38</c:v>
                </c:pt>
              </c:numCache>
            </c:numRef>
          </c:val>
          <c:extLst>
            <c:ext xmlns:c16="http://schemas.microsoft.com/office/drawing/2014/chart" uri="{C3380CC4-5D6E-409C-BE32-E72D297353CC}">
              <c16:uniqueId val="{00000005-DBA4-427F-AB5B-9D34A56A5692}"/>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34</c:v>
                </c:pt>
                <c:pt idx="2">
                  <c:v>#N/A</c:v>
                </c:pt>
                <c:pt idx="3">
                  <c:v>2.82</c:v>
                </c:pt>
                <c:pt idx="4">
                  <c:v>#N/A</c:v>
                </c:pt>
                <c:pt idx="5">
                  <c:v>2.56</c:v>
                </c:pt>
                <c:pt idx="6">
                  <c:v>#N/A</c:v>
                </c:pt>
                <c:pt idx="7">
                  <c:v>1.82</c:v>
                </c:pt>
                <c:pt idx="8">
                  <c:v>#N/A</c:v>
                </c:pt>
                <c:pt idx="9">
                  <c:v>1.38</c:v>
                </c:pt>
              </c:numCache>
            </c:numRef>
          </c:val>
          <c:extLst>
            <c:ext xmlns:c16="http://schemas.microsoft.com/office/drawing/2014/chart" uri="{C3380CC4-5D6E-409C-BE32-E72D297353CC}">
              <c16:uniqueId val="{00000006-DBA4-427F-AB5B-9D34A56A5692}"/>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3.08</c:v>
                </c:pt>
                <c:pt idx="2">
                  <c:v>#N/A</c:v>
                </c:pt>
                <c:pt idx="3">
                  <c:v>2.86</c:v>
                </c:pt>
                <c:pt idx="4">
                  <c:v>#N/A</c:v>
                </c:pt>
                <c:pt idx="5">
                  <c:v>2.2200000000000002</c:v>
                </c:pt>
                <c:pt idx="6">
                  <c:v>#N/A</c:v>
                </c:pt>
                <c:pt idx="7">
                  <c:v>1.57</c:v>
                </c:pt>
                <c:pt idx="8">
                  <c:v>#N/A</c:v>
                </c:pt>
                <c:pt idx="9">
                  <c:v>2.65</c:v>
                </c:pt>
              </c:numCache>
            </c:numRef>
          </c:val>
          <c:extLst>
            <c:ext xmlns:c16="http://schemas.microsoft.com/office/drawing/2014/chart" uri="{C3380CC4-5D6E-409C-BE32-E72D297353CC}">
              <c16:uniqueId val="{00000007-DBA4-427F-AB5B-9D34A56A5692}"/>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5.1100000000000003</c:v>
                </c:pt>
                <c:pt idx="2">
                  <c:v>#N/A</c:v>
                </c:pt>
                <c:pt idx="3">
                  <c:v>7.19</c:v>
                </c:pt>
                <c:pt idx="4">
                  <c:v>#N/A</c:v>
                </c:pt>
                <c:pt idx="5">
                  <c:v>12.28</c:v>
                </c:pt>
                <c:pt idx="6">
                  <c:v>#N/A</c:v>
                </c:pt>
                <c:pt idx="7">
                  <c:v>15.43</c:v>
                </c:pt>
                <c:pt idx="8">
                  <c:v>#N/A</c:v>
                </c:pt>
                <c:pt idx="9">
                  <c:v>11.98</c:v>
                </c:pt>
              </c:numCache>
            </c:numRef>
          </c:val>
          <c:extLst>
            <c:ext xmlns:c16="http://schemas.microsoft.com/office/drawing/2014/chart" uri="{C3380CC4-5D6E-409C-BE32-E72D297353CC}">
              <c16:uniqueId val="{00000008-DBA4-427F-AB5B-9D34A56A5692}"/>
            </c:ext>
          </c:extLst>
        </c:ser>
        <c:ser>
          <c:idx val="9"/>
          <c:order val="9"/>
          <c:tx>
            <c:strRef>
              <c:f>データシート!$A$36</c:f>
              <c:strCache>
                <c:ptCount val="1"/>
                <c:pt idx="0">
                  <c:v>上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4.51</c:v>
                </c:pt>
                <c:pt idx="2">
                  <c:v>#N/A</c:v>
                </c:pt>
                <c:pt idx="3">
                  <c:v>15.24</c:v>
                </c:pt>
                <c:pt idx="4">
                  <c:v>#N/A</c:v>
                </c:pt>
                <c:pt idx="5">
                  <c:v>15.24</c:v>
                </c:pt>
                <c:pt idx="6">
                  <c:v>#N/A</c:v>
                </c:pt>
                <c:pt idx="7">
                  <c:v>14.59</c:v>
                </c:pt>
                <c:pt idx="8">
                  <c:v>#N/A</c:v>
                </c:pt>
                <c:pt idx="9">
                  <c:v>15.72</c:v>
                </c:pt>
              </c:numCache>
            </c:numRef>
          </c:val>
          <c:extLst>
            <c:ext xmlns:c16="http://schemas.microsoft.com/office/drawing/2014/chart" uri="{C3380CC4-5D6E-409C-BE32-E72D297353CC}">
              <c16:uniqueId val="{00000009-DBA4-427F-AB5B-9D34A56A569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55</c:v>
                </c:pt>
                <c:pt idx="5">
                  <c:v>331</c:v>
                </c:pt>
                <c:pt idx="8">
                  <c:v>329</c:v>
                </c:pt>
                <c:pt idx="11">
                  <c:v>327</c:v>
                </c:pt>
                <c:pt idx="14">
                  <c:v>335</c:v>
                </c:pt>
              </c:numCache>
            </c:numRef>
          </c:val>
          <c:extLst>
            <c:ext xmlns:c16="http://schemas.microsoft.com/office/drawing/2014/chart" uri="{C3380CC4-5D6E-409C-BE32-E72D297353CC}">
              <c16:uniqueId val="{00000000-7B02-44B1-B9B1-6DC0A50A407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B02-44B1-B9B1-6DC0A50A407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c:v>
                </c:pt>
                <c:pt idx="3">
                  <c:v>4</c:v>
                </c:pt>
                <c:pt idx="6">
                  <c:v>4</c:v>
                </c:pt>
                <c:pt idx="9">
                  <c:v>4</c:v>
                </c:pt>
                <c:pt idx="12">
                  <c:v>5</c:v>
                </c:pt>
              </c:numCache>
            </c:numRef>
          </c:val>
          <c:extLst>
            <c:ext xmlns:c16="http://schemas.microsoft.com/office/drawing/2014/chart" uri="{C3380CC4-5D6E-409C-BE32-E72D297353CC}">
              <c16:uniqueId val="{00000002-7B02-44B1-B9B1-6DC0A50A407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B02-44B1-B9B1-6DC0A50A407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20</c:v>
                </c:pt>
                <c:pt idx="3">
                  <c:v>111</c:v>
                </c:pt>
                <c:pt idx="6">
                  <c:v>98</c:v>
                </c:pt>
                <c:pt idx="9">
                  <c:v>94</c:v>
                </c:pt>
                <c:pt idx="12">
                  <c:v>92</c:v>
                </c:pt>
              </c:numCache>
            </c:numRef>
          </c:val>
          <c:extLst>
            <c:ext xmlns:c16="http://schemas.microsoft.com/office/drawing/2014/chart" uri="{C3380CC4-5D6E-409C-BE32-E72D297353CC}">
              <c16:uniqueId val="{00000004-7B02-44B1-B9B1-6DC0A50A407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B02-44B1-B9B1-6DC0A50A407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B02-44B1-B9B1-6DC0A50A407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68</c:v>
                </c:pt>
                <c:pt idx="3">
                  <c:v>350</c:v>
                </c:pt>
                <c:pt idx="6">
                  <c:v>388</c:v>
                </c:pt>
                <c:pt idx="9">
                  <c:v>399</c:v>
                </c:pt>
                <c:pt idx="12">
                  <c:v>429</c:v>
                </c:pt>
              </c:numCache>
            </c:numRef>
          </c:val>
          <c:extLst>
            <c:ext xmlns:c16="http://schemas.microsoft.com/office/drawing/2014/chart" uri="{C3380CC4-5D6E-409C-BE32-E72D297353CC}">
              <c16:uniqueId val="{00000007-7B02-44B1-B9B1-6DC0A50A407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34</c:v>
                </c:pt>
                <c:pt idx="2">
                  <c:v>#N/A</c:v>
                </c:pt>
                <c:pt idx="3">
                  <c:v>#N/A</c:v>
                </c:pt>
                <c:pt idx="4">
                  <c:v>134</c:v>
                </c:pt>
                <c:pt idx="5">
                  <c:v>#N/A</c:v>
                </c:pt>
                <c:pt idx="6">
                  <c:v>#N/A</c:v>
                </c:pt>
                <c:pt idx="7">
                  <c:v>161</c:v>
                </c:pt>
                <c:pt idx="8">
                  <c:v>#N/A</c:v>
                </c:pt>
                <c:pt idx="9">
                  <c:v>#N/A</c:v>
                </c:pt>
                <c:pt idx="10">
                  <c:v>170</c:v>
                </c:pt>
                <c:pt idx="11">
                  <c:v>#N/A</c:v>
                </c:pt>
                <c:pt idx="12">
                  <c:v>#N/A</c:v>
                </c:pt>
                <c:pt idx="13">
                  <c:v>191</c:v>
                </c:pt>
                <c:pt idx="14">
                  <c:v>#N/A</c:v>
                </c:pt>
              </c:numCache>
            </c:numRef>
          </c:val>
          <c:smooth val="0"/>
          <c:extLst>
            <c:ext xmlns:c16="http://schemas.microsoft.com/office/drawing/2014/chart" uri="{C3380CC4-5D6E-409C-BE32-E72D297353CC}">
              <c16:uniqueId val="{00000008-7B02-44B1-B9B1-6DC0A50A407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873</c:v>
                </c:pt>
                <c:pt idx="5">
                  <c:v>3848</c:v>
                </c:pt>
                <c:pt idx="8">
                  <c:v>3968</c:v>
                </c:pt>
                <c:pt idx="11">
                  <c:v>4373</c:v>
                </c:pt>
                <c:pt idx="14">
                  <c:v>4341</c:v>
                </c:pt>
              </c:numCache>
            </c:numRef>
          </c:val>
          <c:extLst>
            <c:ext xmlns:c16="http://schemas.microsoft.com/office/drawing/2014/chart" uri="{C3380CC4-5D6E-409C-BE32-E72D297353CC}">
              <c16:uniqueId val="{00000000-C020-4F95-BC11-2F2B3666E2CA}"/>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C020-4F95-BC11-2F2B3666E2CA}"/>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993</c:v>
                </c:pt>
                <c:pt idx="5">
                  <c:v>1044</c:v>
                </c:pt>
                <c:pt idx="8">
                  <c:v>1518</c:v>
                </c:pt>
                <c:pt idx="11">
                  <c:v>2140</c:v>
                </c:pt>
                <c:pt idx="14">
                  <c:v>2561</c:v>
                </c:pt>
              </c:numCache>
            </c:numRef>
          </c:val>
          <c:extLst>
            <c:ext xmlns:c16="http://schemas.microsoft.com/office/drawing/2014/chart" uri="{C3380CC4-5D6E-409C-BE32-E72D297353CC}">
              <c16:uniqueId val="{00000002-C020-4F95-BC11-2F2B3666E2CA}"/>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020-4F95-BC11-2F2B3666E2CA}"/>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020-4F95-BC11-2F2B3666E2CA}"/>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020-4F95-BC11-2F2B3666E2CA}"/>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012</c:v>
                </c:pt>
                <c:pt idx="3">
                  <c:v>1064</c:v>
                </c:pt>
                <c:pt idx="6">
                  <c:v>974</c:v>
                </c:pt>
                <c:pt idx="9">
                  <c:v>893</c:v>
                </c:pt>
                <c:pt idx="12">
                  <c:v>856</c:v>
                </c:pt>
              </c:numCache>
            </c:numRef>
          </c:val>
          <c:extLst>
            <c:ext xmlns:c16="http://schemas.microsoft.com/office/drawing/2014/chart" uri="{C3380CC4-5D6E-409C-BE32-E72D297353CC}">
              <c16:uniqueId val="{00000006-C020-4F95-BC11-2F2B3666E2CA}"/>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C020-4F95-BC11-2F2B3666E2CA}"/>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002</c:v>
                </c:pt>
                <c:pt idx="3">
                  <c:v>889</c:v>
                </c:pt>
                <c:pt idx="6">
                  <c:v>916</c:v>
                </c:pt>
                <c:pt idx="9">
                  <c:v>859</c:v>
                </c:pt>
                <c:pt idx="12">
                  <c:v>785</c:v>
                </c:pt>
              </c:numCache>
            </c:numRef>
          </c:val>
          <c:extLst>
            <c:ext xmlns:c16="http://schemas.microsoft.com/office/drawing/2014/chart" uri="{C3380CC4-5D6E-409C-BE32-E72D297353CC}">
              <c16:uniqueId val="{00000008-C020-4F95-BC11-2F2B3666E2CA}"/>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44</c:v>
                </c:pt>
                <c:pt idx="3">
                  <c:v>139</c:v>
                </c:pt>
                <c:pt idx="6">
                  <c:v>135</c:v>
                </c:pt>
                <c:pt idx="9">
                  <c:v>131</c:v>
                </c:pt>
                <c:pt idx="12">
                  <c:v>126</c:v>
                </c:pt>
              </c:numCache>
            </c:numRef>
          </c:val>
          <c:extLst>
            <c:ext xmlns:c16="http://schemas.microsoft.com/office/drawing/2014/chart" uri="{C3380CC4-5D6E-409C-BE32-E72D297353CC}">
              <c16:uniqueId val="{00000009-C020-4F95-BC11-2F2B3666E2CA}"/>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285</c:v>
                </c:pt>
                <c:pt idx="3">
                  <c:v>4456</c:v>
                </c:pt>
                <c:pt idx="6">
                  <c:v>4790</c:v>
                </c:pt>
                <c:pt idx="9">
                  <c:v>5631</c:v>
                </c:pt>
                <c:pt idx="12">
                  <c:v>5604</c:v>
                </c:pt>
              </c:numCache>
            </c:numRef>
          </c:val>
          <c:extLst>
            <c:ext xmlns:c16="http://schemas.microsoft.com/office/drawing/2014/chart" uri="{C3380CC4-5D6E-409C-BE32-E72D297353CC}">
              <c16:uniqueId val="{0000000A-C020-4F95-BC11-2F2B3666E2CA}"/>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577</c:v>
                </c:pt>
                <c:pt idx="2">
                  <c:v>#N/A</c:v>
                </c:pt>
                <c:pt idx="3">
                  <c:v>#N/A</c:v>
                </c:pt>
                <c:pt idx="4">
                  <c:v>1656</c:v>
                </c:pt>
                <c:pt idx="5">
                  <c:v>#N/A</c:v>
                </c:pt>
                <c:pt idx="6">
                  <c:v>#N/A</c:v>
                </c:pt>
                <c:pt idx="7">
                  <c:v>1329</c:v>
                </c:pt>
                <c:pt idx="8">
                  <c:v>#N/A</c:v>
                </c:pt>
                <c:pt idx="9">
                  <c:v>#N/A</c:v>
                </c:pt>
                <c:pt idx="10">
                  <c:v>1001</c:v>
                </c:pt>
                <c:pt idx="11">
                  <c:v>#N/A</c:v>
                </c:pt>
                <c:pt idx="12">
                  <c:v>#N/A</c:v>
                </c:pt>
                <c:pt idx="13">
                  <c:v>469</c:v>
                </c:pt>
                <c:pt idx="14">
                  <c:v>#N/A</c:v>
                </c:pt>
              </c:numCache>
            </c:numRef>
          </c:val>
          <c:smooth val="0"/>
          <c:extLst>
            <c:ext xmlns:c16="http://schemas.microsoft.com/office/drawing/2014/chart" uri="{C3380CC4-5D6E-409C-BE32-E72D297353CC}">
              <c16:uniqueId val="{0000000B-C020-4F95-BC11-2F2B3666E2CA}"/>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741</c:v>
                </c:pt>
                <c:pt idx="1">
                  <c:v>1196</c:v>
                </c:pt>
                <c:pt idx="2">
                  <c:v>1496</c:v>
                </c:pt>
              </c:numCache>
            </c:numRef>
          </c:val>
          <c:extLst>
            <c:ext xmlns:c16="http://schemas.microsoft.com/office/drawing/2014/chart" uri="{C3380CC4-5D6E-409C-BE32-E72D297353CC}">
              <c16:uniqueId val="{00000000-0044-4AB6-A222-7235597D74C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c:v>
                </c:pt>
                <c:pt idx="1">
                  <c:v>1</c:v>
                </c:pt>
                <c:pt idx="2">
                  <c:v>1</c:v>
                </c:pt>
              </c:numCache>
            </c:numRef>
          </c:val>
          <c:extLst>
            <c:ext xmlns:c16="http://schemas.microsoft.com/office/drawing/2014/chart" uri="{C3380CC4-5D6E-409C-BE32-E72D297353CC}">
              <c16:uniqueId val="{00000001-0044-4AB6-A222-7235597D74C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90</c:v>
                </c:pt>
                <c:pt idx="1">
                  <c:v>397</c:v>
                </c:pt>
                <c:pt idx="2">
                  <c:v>498</c:v>
                </c:pt>
              </c:numCache>
            </c:numRef>
          </c:val>
          <c:extLst>
            <c:ext xmlns:c16="http://schemas.microsoft.com/office/drawing/2014/chart" uri="{C3380CC4-5D6E-409C-BE32-E72D297353CC}">
              <c16:uniqueId val="{00000002-0044-4AB6-A222-7235597D74C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元利償還金については平成</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27</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年度までは減少傾向であったが、その後は増加に転じ、上昇傾向にある。今後も増加傾向は続くとみられるため、地方債の新規借入にあたっては計画的な対応が必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一方、下水道事業債等の償還が進んだことに伴い、公営企業地方債償還財源充当繰入金は減少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は、令和元年度防災行政無線デジタル化事業債の元金償還が開始したこと等により元利償還金の増加が大きく、実質公債費比率の分子の額は増となっ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満期一括償還地方債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平成</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0</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年度から一般会計等に係る地方債現在高の増加及び債務負担行為に基づく支出予定額の新規計上により、将来負担比率の分子は増加に転じた。令和２年度以降は、財政調整基金等の積立による充当可能基金が増加しているため、分子は減少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今後、公営企業債等繰入見込額は減少が想定され、一般会計等に係る地方債の現在高は令和３年度をピークに徐々に減少していく見込みである。しかし、地方債現在高は直近５年間で約</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14</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億円弱も増加しているため、地方債の新規借入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全体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4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では、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公共施設等整備基金では、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6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大型事業を複数、計画している中で、基金の使途が明確なその他特定目的基金への積立て・取崩しを行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基金の使途）</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新松田駅周辺整備基金：新松田駅周辺の整備に充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公共施設等整備基金：公共施設等の改修、その他整備等に充てる</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教育施設整備基金：教育施設の整備に充て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町営住宅基金：町屋住宅の修繕又は改良等に充てる</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等整備基金、新松田駅周辺整備基金、松田町町営住宅基金へ新たに積立を行い、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5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教育施設整備基金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5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5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減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新松田駅周辺整備基金：計画的に積立て取崩しを行っ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公共施設等整備基金：公共施設の老朽化が進んでいるため、建替等の更新整備等に向けて、計画的に積立て取崩しを行っていく</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教育施設整備基金：教育施設の整備、更新が進む中で、計画的に積立て取崩しを行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では、</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300</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の積立てにより計</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496</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百万円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財政調整基金は経常経費の削減に努め、老朽化した町有施設・広域施設の更新等に備えて積み立てを行ってきたが、今後数年間で広域施設の更新が開始されていくため、取崩しを行い、財源不足を補っていく</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前記の取崩しにより、基金残高の大幅な減少が見込まれるため、今後も経費の削減に努め、不測の事態に備えられるように、財源に余裕がでた場合は積立て、必要な残高を確保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変更なし</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満期一括償還を利用していないため、今後の変動を想定していないが、令和５年度普通交付税における令和６・７年度分臨時財政対策債償還費の前倒し交付額の積立・取崩を今後行う</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神奈川県内の他市町村と比べると、企業が少ないことなどから、令和４年度では県平均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下回っているが、全国平均との比較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回っている。類似団体内でも上位に位置しているが、将来的には税収の減少傾向が見込まれることから、町税の徴収強化等により歳入の確保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6352</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318552"/>
          <a:ext cx="0" cy="12984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61279</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6062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6352</xdr:rowOff>
    </xdr:from>
    <xdr:to>
      <xdr:col>24</xdr:col>
      <xdr:colOff>12700</xdr:colOff>
      <xdr:row>36</xdr:row>
      <xdr:rowOff>146352</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31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1</xdr:row>
      <xdr:rowOff>150888</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7145867"/>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7307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2739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00995</xdr:rowOff>
    </xdr:from>
    <xdr:to>
      <xdr:col>23</xdr:col>
      <xdr:colOff>184150</xdr:colOff>
      <xdr:row>43</xdr:row>
      <xdr:rowOff>3114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3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116417</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7099905"/>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89505</xdr:rowOff>
    </xdr:from>
    <xdr:to>
      <xdr:col>19</xdr:col>
      <xdr:colOff>184150</xdr:colOff>
      <xdr:row>43</xdr:row>
      <xdr:rowOff>1965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443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376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6524</xdr:rowOff>
    </xdr:from>
    <xdr:to>
      <xdr:col>15</xdr:col>
      <xdr:colOff>133350</xdr:colOff>
      <xdr:row>42</xdr:row>
      <xdr:rowOff>168124</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2901</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70455</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a:off x="1447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0088</xdr:rowOff>
    </xdr:from>
    <xdr:to>
      <xdr:col>23</xdr:col>
      <xdr:colOff>184150</xdr:colOff>
      <xdr:row>42</xdr:row>
      <xdr:rowOff>30238</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7129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16615</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974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6863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9655</xdr:rowOff>
    </xdr:from>
    <xdr:to>
      <xdr:col>7</xdr:col>
      <xdr:colOff>31750</xdr:colOff>
      <xdr:row>41</xdr:row>
      <xdr:rowOff>121255</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1432</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は法人税割の増により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令和２年度は、普通交付税及び地方消費税交付金の増加により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令和３年度も、同様の理由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少した。令和４年度は、普通交付税及び法人税割の減や公債費の増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は、公債費の増加だけでなく物価高騰等による経常経費全体の増加が見込まれるため、優先度の低い事業については廃止も含めて見直しを図り、経常経費の削減を計画的に進め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id="{00000000-0008-0000-0300-00007E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id="{00000000-0008-0000-0300-00007F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71238</xdr:rowOff>
    </xdr:from>
    <xdr:to>
      <xdr:col>23</xdr:col>
      <xdr:colOff>133350</xdr:colOff>
      <xdr:row>67</xdr:row>
      <xdr:rowOff>100119</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flipV="1">
          <a:off x="4953000" y="10115338"/>
          <a:ext cx="0" cy="14719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72196</xdr:rowOff>
    </xdr:from>
    <xdr:ext cx="762000" cy="259045"/>
    <xdr:sp macro="" textlink="">
      <xdr:nvSpPr>
        <xdr:cNvPr id="129" name="財政構造の弾力性最小値テキスト">
          <a:extLst>
            <a:ext uri="{FF2B5EF4-FFF2-40B4-BE49-F238E27FC236}">
              <a16:creationId xmlns:a16="http://schemas.microsoft.com/office/drawing/2014/main" id="{00000000-0008-0000-0300-000081000000}"/>
            </a:ext>
          </a:extLst>
        </xdr:cNvPr>
        <xdr:cNvSpPr txBox="1"/>
      </xdr:nvSpPr>
      <xdr:spPr>
        <a:xfrm>
          <a:off x="5041900" y="11559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00119</xdr:rowOff>
    </xdr:from>
    <xdr:to>
      <xdr:col>24</xdr:col>
      <xdr:colOff>12700</xdr:colOff>
      <xdr:row>67</xdr:row>
      <xdr:rowOff>100119</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1587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6165</xdr:rowOff>
    </xdr:from>
    <xdr:ext cx="762000" cy="259045"/>
    <xdr:sp macro="" textlink="">
      <xdr:nvSpPr>
        <xdr:cNvPr id="131" name="財政構造の弾力性最大値テキスト">
          <a:extLst>
            <a:ext uri="{FF2B5EF4-FFF2-40B4-BE49-F238E27FC236}">
              <a16:creationId xmlns:a16="http://schemas.microsoft.com/office/drawing/2014/main" id="{00000000-0008-0000-0300-000083000000}"/>
            </a:ext>
          </a:extLst>
        </xdr:cNvPr>
        <xdr:cNvSpPr txBox="1"/>
      </xdr:nvSpPr>
      <xdr:spPr>
        <a:xfrm>
          <a:off x="5041900" y="9858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71238</xdr:rowOff>
    </xdr:from>
    <xdr:to>
      <xdr:col>24</xdr:col>
      <xdr:colOff>12700</xdr:colOff>
      <xdr:row>58</xdr:row>
      <xdr:rowOff>171238</xdr:rowOff>
    </xdr:to>
    <xdr:cxnSp macro="">
      <xdr:nvCxnSpPr>
        <xdr:cNvPr id="132" name="直線コネクタ 131">
          <a:extLst>
            <a:ext uri="{FF2B5EF4-FFF2-40B4-BE49-F238E27FC236}">
              <a16:creationId xmlns:a16="http://schemas.microsoft.com/office/drawing/2014/main" id="{00000000-0008-0000-0300-000084000000}"/>
            </a:ext>
          </a:extLst>
        </xdr:cNvPr>
        <xdr:cNvCxnSpPr/>
      </xdr:nvCxnSpPr>
      <xdr:spPr>
        <a:xfrm>
          <a:off x="4864100" y="101153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45931</xdr:rowOff>
    </xdr:from>
    <xdr:to>
      <xdr:col>23</xdr:col>
      <xdr:colOff>133350</xdr:colOff>
      <xdr:row>64</xdr:row>
      <xdr:rowOff>9165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114800" y="10847281"/>
          <a:ext cx="8382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45102</xdr:rowOff>
    </xdr:from>
    <xdr:ext cx="762000" cy="259045"/>
    <xdr:sp macro="" textlink="">
      <xdr:nvSpPr>
        <xdr:cNvPr id="134" name="財政構造の弾力性平均値テキスト">
          <a:extLst>
            <a:ext uri="{FF2B5EF4-FFF2-40B4-BE49-F238E27FC236}">
              <a16:creationId xmlns:a16="http://schemas.microsoft.com/office/drawing/2014/main" id="{00000000-0008-0000-0300-000086000000}"/>
            </a:ext>
          </a:extLst>
        </xdr:cNvPr>
        <xdr:cNvSpPr txBox="1"/>
      </xdr:nvSpPr>
      <xdr:spPr>
        <a:xfrm>
          <a:off x="5041900" y="110179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73025</xdr:rowOff>
    </xdr:from>
    <xdr:to>
      <xdr:col>23</xdr:col>
      <xdr:colOff>184150</xdr:colOff>
      <xdr:row>65</xdr:row>
      <xdr:rowOff>3175</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902200" y="1104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45931</xdr:rowOff>
    </xdr:from>
    <xdr:to>
      <xdr:col>19</xdr:col>
      <xdr:colOff>133350</xdr:colOff>
      <xdr:row>64</xdr:row>
      <xdr:rowOff>91652</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flipV="1">
          <a:off x="3225800" y="10847281"/>
          <a:ext cx="889000" cy="217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5781</xdr:rowOff>
    </xdr:from>
    <xdr:to>
      <xdr:col>19</xdr:col>
      <xdr:colOff>184150</xdr:colOff>
      <xdr:row>64</xdr:row>
      <xdr:rowOff>45931</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4064000" y="1091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0708</xdr:rowOff>
    </xdr:from>
    <xdr:ext cx="7366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3733800" y="11003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1652</xdr:rowOff>
    </xdr:from>
    <xdr:to>
      <xdr:col>15</xdr:col>
      <xdr:colOff>82550</xdr:colOff>
      <xdr:row>65</xdr:row>
      <xdr:rowOff>8679</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2336800" y="11064452"/>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57480</xdr:rowOff>
    </xdr:from>
    <xdr:to>
      <xdr:col>15</xdr:col>
      <xdr:colOff>133350</xdr:colOff>
      <xdr:row>65</xdr:row>
      <xdr:rowOff>87630</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3175000" y="1113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2407</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2844800" y="1121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8679</xdr:rowOff>
    </xdr:from>
    <xdr:to>
      <xdr:col>11</xdr:col>
      <xdr:colOff>31750</xdr:colOff>
      <xdr:row>65</xdr:row>
      <xdr:rowOff>145415</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flipV="1">
          <a:off x="1447800" y="11152929"/>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6138</xdr:rowOff>
    </xdr:from>
    <xdr:to>
      <xdr:col>11</xdr:col>
      <xdr:colOff>82550</xdr:colOff>
      <xdr:row>65</xdr:row>
      <xdr:rowOff>107738</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2286000" y="1115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2515</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955800" y="1123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29329</xdr:rowOff>
    </xdr:from>
    <xdr:to>
      <xdr:col>7</xdr:col>
      <xdr:colOff>31750</xdr:colOff>
      <xdr:row>65</xdr:row>
      <xdr:rowOff>59479</xdr:rowOff>
    </xdr:to>
    <xdr:sp macro="" textlink="">
      <xdr:nvSpPr>
        <xdr:cNvPr id="145" name="フローチャート: 判断 144">
          <a:extLst>
            <a:ext uri="{FF2B5EF4-FFF2-40B4-BE49-F238E27FC236}">
              <a16:creationId xmlns:a16="http://schemas.microsoft.com/office/drawing/2014/main" id="{00000000-0008-0000-0300-000091000000}"/>
            </a:ext>
          </a:extLst>
        </xdr:cNvPr>
        <xdr:cNvSpPr/>
      </xdr:nvSpPr>
      <xdr:spPr>
        <a:xfrm>
          <a:off x="1397000" y="11102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9656</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1066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40852</xdr:rowOff>
    </xdr:from>
    <xdr:to>
      <xdr:col>23</xdr:col>
      <xdr:colOff>184150</xdr:colOff>
      <xdr:row>64</xdr:row>
      <xdr:rowOff>142452</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9022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57379</xdr:rowOff>
    </xdr:from>
    <xdr:ext cx="762000" cy="259045"/>
    <xdr:sp macro="" textlink="">
      <xdr:nvSpPr>
        <xdr:cNvPr id="153" name="財政構造の弾力性該当値テキスト">
          <a:extLst>
            <a:ext uri="{FF2B5EF4-FFF2-40B4-BE49-F238E27FC236}">
              <a16:creationId xmlns:a16="http://schemas.microsoft.com/office/drawing/2014/main" id="{00000000-0008-0000-0300-000099000000}"/>
            </a:ext>
          </a:extLst>
        </xdr:cNvPr>
        <xdr:cNvSpPr txBox="1"/>
      </xdr:nvSpPr>
      <xdr:spPr>
        <a:xfrm>
          <a:off x="5041900" y="10858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66581</xdr:rowOff>
    </xdr:from>
    <xdr:to>
      <xdr:col>19</xdr:col>
      <xdr:colOff>184150</xdr:colOff>
      <xdr:row>63</xdr:row>
      <xdr:rowOff>96731</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4064000" y="10796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6908</xdr:rowOff>
    </xdr:from>
    <xdr:ext cx="7366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3733800" y="105653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40852</xdr:rowOff>
    </xdr:from>
    <xdr:to>
      <xdr:col>15</xdr:col>
      <xdr:colOff>133350</xdr:colOff>
      <xdr:row>64</xdr:row>
      <xdr:rowOff>14245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3175000" y="11013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262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2844800" y="10782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29329</xdr:rowOff>
    </xdr:from>
    <xdr:to>
      <xdr:col>11</xdr:col>
      <xdr:colOff>82550</xdr:colOff>
      <xdr:row>65</xdr:row>
      <xdr:rowOff>59479</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2286000" y="11102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69656</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955800" y="10871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4615</xdr:rowOff>
    </xdr:from>
    <xdr:to>
      <xdr:col>7</xdr:col>
      <xdr:colOff>31750</xdr:colOff>
      <xdr:row>66</xdr:row>
      <xdr:rowOff>24765</xdr:rowOff>
    </xdr:to>
    <xdr:sp macro="" textlink="">
      <xdr:nvSpPr>
        <xdr:cNvPr id="160" name="楕円 159">
          <a:extLst>
            <a:ext uri="{FF2B5EF4-FFF2-40B4-BE49-F238E27FC236}">
              <a16:creationId xmlns:a16="http://schemas.microsoft.com/office/drawing/2014/main" id="{00000000-0008-0000-0300-0000A0000000}"/>
            </a:ext>
          </a:extLst>
        </xdr:cNvPr>
        <xdr:cNvSpPr/>
      </xdr:nvSpPr>
      <xdr:spPr>
        <a:xfrm>
          <a:off x="1397000" y="1123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9542</xdr:rowOff>
    </xdr:from>
    <xdr:ext cx="762000" cy="259045"/>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1066800" y="11325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id="{00000000-0008-0000-0300-0000A3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0,5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物件費及び維持補修費の合計額の人口１人当たりの金額は類似団体内平均より低く推移している。だが、令和元年度から徐々に増加しており、ここ５年間では、最高値となっている。今後も人件費や物件費の抑制を図り、更なる改善に努める。</a:t>
          </a: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6591</xdr:rowOff>
    </xdr:from>
    <xdr:to>
      <xdr:col>23</xdr:col>
      <xdr:colOff>133350</xdr:colOff>
      <xdr:row>89</xdr:row>
      <xdr:rowOff>111665</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flipV="1">
          <a:off x="4953000" y="13812591"/>
          <a:ext cx="0" cy="15581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83742</xdr:rowOff>
    </xdr:from>
    <xdr:ext cx="762000" cy="259045"/>
    <xdr:sp macro="" textlink="">
      <xdr:nvSpPr>
        <xdr:cNvPr id="194" name="人件費・物件費等の状況最小値テキスト">
          <a:extLst>
            <a:ext uri="{FF2B5EF4-FFF2-40B4-BE49-F238E27FC236}">
              <a16:creationId xmlns:a16="http://schemas.microsoft.com/office/drawing/2014/main" id="{00000000-0008-0000-0300-0000C2000000}"/>
            </a:ext>
          </a:extLst>
        </xdr:cNvPr>
        <xdr:cNvSpPr txBox="1"/>
      </xdr:nvSpPr>
      <xdr:spPr>
        <a:xfrm>
          <a:off x="5041900" y="15342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2,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11665</xdr:rowOff>
    </xdr:from>
    <xdr:to>
      <xdr:col>24</xdr:col>
      <xdr:colOff>12700</xdr:colOff>
      <xdr:row>89</xdr:row>
      <xdr:rowOff>111665</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5370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518</xdr:rowOff>
    </xdr:from>
    <xdr:ext cx="762000" cy="259045"/>
    <xdr:sp macro="" textlink="">
      <xdr:nvSpPr>
        <xdr:cNvPr id="196" name="人件費・物件費等の状況最大値テキスト">
          <a:extLst>
            <a:ext uri="{FF2B5EF4-FFF2-40B4-BE49-F238E27FC236}">
              <a16:creationId xmlns:a16="http://schemas.microsoft.com/office/drawing/2014/main" id="{00000000-0008-0000-0300-0000C4000000}"/>
            </a:ext>
          </a:extLst>
        </xdr:cNvPr>
        <xdr:cNvSpPr txBox="1"/>
      </xdr:nvSpPr>
      <xdr:spPr>
        <a:xfrm>
          <a:off x="5041900" y="13556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6591</xdr:rowOff>
    </xdr:from>
    <xdr:to>
      <xdr:col>24</xdr:col>
      <xdr:colOff>12700</xdr:colOff>
      <xdr:row>80</xdr:row>
      <xdr:rowOff>96591</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864100" y="13812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0104</xdr:rowOff>
    </xdr:from>
    <xdr:to>
      <xdr:col>23</xdr:col>
      <xdr:colOff>133350</xdr:colOff>
      <xdr:row>81</xdr:row>
      <xdr:rowOff>64574</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4114800" y="13937554"/>
          <a:ext cx="838200" cy="1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906</xdr:rowOff>
    </xdr:from>
    <xdr:ext cx="762000" cy="259045"/>
    <xdr:sp macro="" textlink="">
      <xdr:nvSpPr>
        <xdr:cNvPr id="199" name="人件費・物件費等の状況平均値テキスト">
          <a:extLst>
            <a:ext uri="{FF2B5EF4-FFF2-40B4-BE49-F238E27FC236}">
              <a16:creationId xmlns:a16="http://schemas.microsoft.com/office/drawing/2014/main" id="{00000000-0008-0000-0300-0000C7000000}"/>
            </a:ext>
          </a:extLst>
        </xdr:cNvPr>
        <xdr:cNvSpPr txBox="1"/>
      </xdr:nvSpPr>
      <xdr:spPr>
        <a:xfrm>
          <a:off x="5041900" y="140608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4,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9829</xdr:rowOff>
    </xdr:from>
    <xdr:to>
      <xdr:col>23</xdr:col>
      <xdr:colOff>184150</xdr:colOff>
      <xdr:row>82</xdr:row>
      <xdr:rowOff>131429</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902200" y="14088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31383</xdr:rowOff>
    </xdr:from>
    <xdr:to>
      <xdr:col>19</xdr:col>
      <xdr:colOff>133350</xdr:colOff>
      <xdr:row>81</xdr:row>
      <xdr:rowOff>50104</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3225800" y="13918833"/>
          <a:ext cx="889000" cy="18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64153</xdr:rowOff>
    </xdr:from>
    <xdr:to>
      <xdr:col>19</xdr:col>
      <xdr:colOff>184150</xdr:colOff>
      <xdr:row>82</xdr:row>
      <xdr:rowOff>94303</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40640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79080</xdr:rowOff>
    </xdr:from>
    <xdr:ext cx="7366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3733800" y="141379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2503</xdr:rowOff>
    </xdr:from>
    <xdr:to>
      <xdr:col>15</xdr:col>
      <xdr:colOff>82550</xdr:colOff>
      <xdr:row>81</xdr:row>
      <xdr:rowOff>31383</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2336800" y="13899953"/>
          <a:ext cx="889000" cy="1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53208</xdr:rowOff>
    </xdr:from>
    <xdr:to>
      <xdr:col>15</xdr:col>
      <xdr:colOff>133350</xdr:colOff>
      <xdr:row>82</xdr:row>
      <xdr:rowOff>83358</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3175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68135</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2844800" y="141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2503</xdr:rowOff>
    </xdr:from>
    <xdr:to>
      <xdr:col>11</xdr:col>
      <xdr:colOff>31750</xdr:colOff>
      <xdr:row>81</xdr:row>
      <xdr:rowOff>14816</xdr:rowOff>
    </xdr:to>
    <xdr:cxnSp macro="">
      <xdr:nvCxnSpPr>
        <xdr:cNvPr id="207" name="直線コネクタ 206">
          <a:extLst>
            <a:ext uri="{FF2B5EF4-FFF2-40B4-BE49-F238E27FC236}">
              <a16:creationId xmlns:a16="http://schemas.microsoft.com/office/drawing/2014/main" id="{00000000-0008-0000-0300-0000CF000000}"/>
            </a:ext>
          </a:extLst>
        </xdr:cNvPr>
        <xdr:cNvCxnSpPr/>
      </xdr:nvCxnSpPr>
      <xdr:spPr>
        <a:xfrm flipV="1">
          <a:off x="1447800" y="13899953"/>
          <a:ext cx="889000" cy="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06431</xdr:rowOff>
    </xdr:from>
    <xdr:to>
      <xdr:col>11</xdr:col>
      <xdr:colOff>82550</xdr:colOff>
      <xdr:row>82</xdr:row>
      <xdr:rowOff>36581</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2286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1358</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955800" y="140802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874</xdr:rowOff>
    </xdr:from>
    <xdr:to>
      <xdr:col>7</xdr:col>
      <xdr:colOff>31750</xdr:colOff>
      <xdr:row>82</xdr:row>
      <xdr:rowOff>8024</xdr:rowOff>
    </xdr:to>
    <xdr:sp macro="" textlink="">
      <xdr:nvSpPr>
        <xdr:cNvPr id="210" name="フローチャート: 判断 209">
          <a:extLst>
            <a:ext uri="{FF2B5EF4-FFF2-40B4-BE49-F238E27FC236}">
              <a16:creationId xmlns:a16="http://schemas.microsoft.com/office/drawing/2014/main" id="{00000000-0008-0000-0300-0000D2000000}"/>
            </a:ext>
          </a:extLst>
        </xdr:cNvPr>
        <xdr:cNvSpPr/>
      </xdr:nvSpPr>
      <xdr:spPr>
        <a:xfrm>
          <a:off x="1397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251</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1066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774</xdr:rowOff>
    </xdr:from>
    <xdr:to>
      <xdr:col>23</xdr:col>
      <xdr:colOff>184150</xdr:colOff>
      <xdr:row>81</xdr:row>
      <xdr:rowOff>115374</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902200" y="13901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30301</xdr:rowOff>
    </xdr:from>
    <xdr:ext cx="762000" cy="259045"/>
    <xdr:sp macro="" textlink="">
      <xdr:nvSpPr>
        <xdr:cNvPr id="218" name="人件費・物件費等の状況該当値テキスト">
          <a:extLst>
            <a:ext uri="{FF2B5EF4-FFF2-40B4-BE49-F238E27FC236}">
              <a16:creationId xmlns:a16="http://schemas.microsoft.com/office/drawing/2014/main" id="{00000000-0008-0000-0300-0000DA000000}"/>
            </a:ext>
          </a:extLst>
        </xdr:cNvPr>
        <xdr:cNvSpPr txBox="1"/>
      </xdr:nvSpPr>
      <xdr:spPr>
        <a:xfrm>
          <a:off x="5041900" y="13746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70754</xdr:rowOff>
    </xdr:from>
    <xdr:to>
      <xdr:col>19</xdr:col>
      <xdr:colOff>184150</xdr:colOff>
      <xdr:row>81</xdr:row>
      <xdr:rowOff>100904</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4064000" y="13886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1081</xdr:rowOff>
    </xdr:from>
    <xdr:ext cx="7366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3733800" y="136556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52033</xdr:rowOff>
    </xdr:from>
    <xdr:to>
      <xdr:col>15</xdr:col>
      <xdr:colOff>133350</xdr:colOff>
      <xdr:row>81</xdr:row>
      <xdr:rowOff>82183</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3175000" y="1386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92360</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2844800" y="13636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3153</xdr:rowOff>
    </xdr:from>
    <xdr:to>
      <xdr:col>11</xdr:col>
      <xdr:colOff>82550</xdr:colOff>
      <xdr:row>81</xdr:row>
      <xdr:rowOff>63303</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2286000" y="1384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3480</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955800" y="136180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35466</xdr:rowOff>
    </xdr:from>
    <xdr:to>
      <xdr:col>7</xdr:col>
      <xdr:colOff>31750</xdr:colOff>
      <xdr:row>81</xdr:row>
      <xdr:rowOff>65616</xdr:rowOff>
    </xdr:to>
    <xdr:sp macro="" textlink="">
      <xdr:nvSpPr>
        <xdr:cNvPr id="225" name="楕円 224">
          <a:extLst>
            <a:ext uri="{FF2B5EF4-FFF2-40B4-BE49-F238E27FC236}">
              <a16:creationId xmlns:a16="http://schemas.microsoft.com/office/drawing/2014/main" id="{00000000-0008-0000-0300-0000E1000000}"/>
            </a:ext>
          </a:extLst>
        </xdr:cNvPr>
        <xdr:cNvSpPr/>
      </xdr:nvSpPr>
      <xdr:spPr>
        <a:xfrm>
          <a:off x="1397000" y="138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75793</xdr:rowOff>
    </xdr:from>
    <xdr:ext cx="762000" cy="259045"/>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066800" y="1362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給与改定は国の上昇率に準じて行っているが、給料表を一部分割しているため、指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下回る。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44450</xdr:rowOff>
    </xdr:from>
    <xdr:to>
      <xdr:col>81</xdr:col>
      <xdr:colOff>44450</xdr:colOff>
      <xdr:row>89</xdr:row>
      <xdr:rowOff>136878</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760450"/>
          <a:ext cx="0" cy="163547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08955</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36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6878</xdr:rowOff>
    </xdr:from>
    <xdr:to>
      <xdr:col>81</xdr:col>
      <xdr:colOff>133350</xdr:colOff>
      <xdr:row>89</xdr:row>
      <xdr:rowOff>136878</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39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30827</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50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44450</xdr:rowOff>
    </xdr:from>
    <xdr:to>
      <xdr:col>81</xdr:col>
      <xdr:colOff>133350</xdr:colOff>
      <xdr:row>80</xdr:row>
      <xdr:rowOff>44450</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760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61384</xdr:rowOff>
    </xdr:from>
    <xdr:to>
      <xdr:col>81</xdr:col>
      <xdr:colOff>44450</xdr:colOff>
      <xdr:row>87</xdr:row>
      <xdr:rowOff>37395</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6179800" y="14806084"/>
          <a:ext cx="838200" cy="147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7693</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439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8411</xdr:rowOff>
    </xdr:from>
    <xdr:to>
      <xdr:col>77</xdr:col>
      <xdr:colOff>44450</xdr:colOff>
      <xdr:row>87</xdr:row>
      <xdr:rowOff>37395</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5290800" y="14873111"/>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1166</xdr:rowOff>
    </xdr:from>
    <xdr:to>
      <xdr:col>77</xdr:col>
      <xdr:colOff>95250</xdr:colOff>
      <xdr:row>85</xdr:row>
      <xdr:rowOff>122766</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59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363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6</xdr:row>
      <xdr:rowOff>128411</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a:off x="14401800" y="148463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74789</xdr:rowOff>
    </xdr:from>
    <xdr:to>
      <xdr:col>73</xdr:col>
      <xdr:colOff>44450</xdr:colOff>
      <xdr:row>86</xdr:row>
      <xdr:rowOff>4939</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5116</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64205</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flipV="1">
          <a:off x="13512800" y="14846300"/>
          <a:ext cx="889000" cy="134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74789</xdr:rowOff>
    </xdr:from>
    <xdr:to>
      <xdr:col>68</xdr:col>
      <xdr:colOff>203200</xdr:colOff>
      <xdr:row>86</xdr:row>
      <xdr:rowOff>4939</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64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5116</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416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61384</xdr:rowOff>
    </xdr:from>
    <xdr:to>
      <xdr:col>64</xdr:col>
      <xdr:colOff>152400</xdr:colOff>
      <xdr:row>85</xdr:row>
      <xdr:rowOff>162984</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711</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403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584</xdr:rowOff>
    </xdr:from>
    <xdr:to>
      <xdr:col>81</xdr:col>
      <xdr:colOff>95250</xdr:colOff>
      <xdr:row>86</xdr:row>
      <xdr:rowOff>112184</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475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54111</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47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58045</xdr:rowOff>
    </xdr:from>
    <xdr:to>
      <xdr:col>77</xdr:col>
      <xdr:colOff>95250</xdr:colOff>
      <xdr:row>87</xdr:row>
      <xdr:rowOff>88195</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4902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72972</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49891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7611</xdr:rowOff>
    </xdr:from>
    <xdr:to>
      <xdr:col>73</xdr:col>
      <xdr:colOff>44450</xdr:colOff>
      <xdr:row>87</xdr:row>
      <xdr:rowOff>7761</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482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3988</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490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3405</xdr:rowOff>
    </xdr:from>
    <xdr:to>
      <xdr:col>64</xdr:col>
      <xdr:colOff>152400</xdr:colOff>
      <xdr:row>87</xdr:row>
      <xdr:rowOff>115005</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492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99782</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015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国平均及び県内平均を上回っているが、これは積極的に施策を展開するため、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機構改革を実施し、組織を細分化したため、職員の採用が増加したことに起因している。　また、他の要因として、町の人口が減少していることや再任用職員の雇用も挙げられるが、類似団体内の順位は中間に位置するため、新規事業等を精査し、計画的に定員管理を実施していく。</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004</xdr:rowOff>
    </xdr:from>
    <xdr:to>
      <xdr:col>81</xdr:col>
      <xdr:colOff>44450</xdr:colOff>
      <xdr:row>67</xdr:row>
      <xdr:rowOff>123444</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365004"/>
          <a:ext cx="0" cy="1245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5521</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82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23444</xdr:rowOff>
    </xdr:from>
    <xdr:to>
      <xdr:col>81</xdr:col>
      <xdr:colOff>133350</xdr:colOff>
      <xdr:row>67</xdr:row>
      <xdr:rowOff>123444</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610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381</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10108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004</xdr:rowOff>
    </xdr:from>
    <xdr:to>
      <xdr:col>81</xdr:col>
      <xdr:colOff>133350</xdr:colOff>
      <xdr:row>60</xdr:row>
      <xdr:rowOff>78004</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365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65811</xdr:rowOff>
    </xdr:from>
    <xdr:to>
      <xdr:col>81</xdr:col>
      <xdr:colOff>44450</xdr:colOff>
      <xdr:row>61</xdr:row>
      <xdr:rowOff>71603</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524261"/>
          <a:ext cx="8382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54170</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5126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2093</xdr:rowOff>
    </xdr:from>
    <xdr:to>
      <xdr:col>81</xdr:col>
      <xdr:colOff>95250</xdr:colOff>
      <xdr:row>62</xdr:row>
      <xdr:rowOff>12243</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4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8572</xdr:rowOff>
    </xdr:from>
    <xdr:to>
      <xdr:col>77</xdr:col>
      <xdr:colOff>44450</xdr:colOff>
      <xdr:row>61</xdr:row>
      <xdr:rowOff>65811</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517022"/>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6302</xdr:rowOff>
    </xdr:from>
    <xdr:to>
      <xdr:col>77</xdr:col>
      <xdr:colOff>95250</xdr:colOff>
      <xdr:row>62</xdr:row>
      <xdr:rowOff>6452</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62679</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621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8572</xdr:rowOff>
    </xdr:from>
    <xdr:to>
      <xdr:col>72</xdr:col>
      <xdr:colOff>203200</xdr:colOff>
      <xdr:row>61</xdr:row>
      <xdr:rowOff>64364</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0517022"/>
          <a:ext cx="8890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5819</xdr:rowOff>
    </xdr:from>
    <xdr:to>
      <xdr:col>73</xdr:col>
      <xdr:colOff>44450</xdr:colOff>
      <xdr:row>62</xdr:row>
      <xdr:rowOff>5969</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62196</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62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9537</xdr:rowOff>
    </xdr:from>
    <xdr:to>
      <xdr:col>68</xdr:col>
      <xdr:colOff>152400</xdr:colOff>
      <xdr:row>61</xdr:row>
      <xdr:rowOff>64364</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0517987"/>
          <a:ext cx="889000" cy="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72923</xdr:rowOff>
    </xdr:from>
    <xdr:to>
      <xdr:col>68</xdr:col>
      <xdr:colOff>203200</xdr:colOff>
      <xdr:row>62</xdr:row>
      <xdr:rowOff>3073</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59300</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617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0858</xdr:rowOff>
    </xdr:from>
    <xdr:to>
      <xdr:col>64</xdr:col>
      <xdr:colOff>152400</xdr:colOff>
      <xdr:row>61</xdr:row>
      <xdr:rowOff>16245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723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0803</xdr:rowOff>
    </xdr:from>
    <xdr:to>
      <xdr:col>81</xdr:col>
      <xdr:colOff>95250</xdr:colOff>
      <xdr:row>61</xdr:row>
      <xdr:rowOff>122403</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47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7330</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3243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5011</xdr:rowOff>
    </xdr:from>
    <xdr:to>
      <xdr:col>77</xdr:col>
      <xdr:colOff>95250</xdr:colOff>
      <xdr:row>61</xdr:row>
      <xdr:rowOff>116611</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473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6788</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2423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7772</xdr:rowOff>
    </xdr:from>
    <xdr:to>
      <xdr:col>73</xdr:col>
      <xdr:colOff>44450</xdr:colOff>
      <xdr:row>61</xdr:row>
      <xdr:rowOff>109372</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46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19549</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235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3564</xdr:rowOff>
    </xdr:from>
    <xdr:to>
      <xdr:col>68</xdr:col>
      <xdr:colOff>203200</xdr:colOff>
      <xdr:row>61</xdr:row>
      <xdr:rowOff>115164</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47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5341</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240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737</xdr:rowOff>
    </xdr:from>
    <xdr:to>
      <xdr:col>64</xdr:col>
      <xdr:colOff>152400</xdr:colOff>
      <xdr:row>61</xdr:row>
      <xdr:rowOff>11033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0514</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236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令和元年度まで継続して比率は減少傾向にあったが、令和２年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町営住宅整備事業、令和３年度は、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松田小学校空調設備整備事業の元金償還が開始したこと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ずつ増加した。令和４年度は令和元年度の防災行政無線デジタル化事業債の元金償還が開始したこと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松田小学校整備事業をはじめとした大型公共事業の元金償還の開始や、公共施設の老朽化に伴う改修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405880"/>
          <a:ext cx="0" cy="13432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72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74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405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1854</xdr:rowOff>
    </xdr:from>
    <xdr:to>
      <xdr:col>81</xdr:col>
      <xdr:colOff>44450</xdr:colOff>
      <xdr:row>41</xdr:row>
      <xdr:rowOff>44027</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041304"/>
          <a:ext cx="8382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1812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714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67217</xdr:rowOff>
    </xdr:from>
    <xdr:to>
      <xdr:col>77</xdr:col>
      <xdr:colOff>44450</xdr:colOff>
      <xdr:row>41</xdr:row>
      <xdr:rowOff>1185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a:off x="15290800" y="7025217"/>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46050</xdr:rowOff>
    </xdr:from>
    <xdr:to>
      <xdr:col>77</xdr:col>
      <xdr:colOff>95250</xdr:colOff>
      <xdr:row>42</xdr:row>
      <xdr:rowOff>7620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60977</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1130</xdr:rowOff>
    </xdr:from>
    <xdr:to>
      <xdr:col>72</xdr:col>
      <xdr:colOff>203200</xdr:colOff>
      <xdr:row>40</xdr:row>
      <xdr:rowOff>167217</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4401800" y="700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5293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51130</xdr:rowOff>
    </xdr:from>
    <xdr:to>
      <xdr:col>68</xdr:col>
      <xdr:colOff>152400</xdr:colOff>
      <xdr:row>41</xdr:row>
      <xdr:rowOff>381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700913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38006</xdr:rowOff>
    </xdr:from>
    <xdr:to>
      <xdr:col>68</xdr:col>
      <xdr:colOff>203200</xdr:colOff>
      <xdr:row>42</xdr:row>
      <xdr:rowOff>68156</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52933</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725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9963</xdr:rowOff>
    </xdr:from>
    <xdr:to>
      <xdr:col>64</xdr:col>
      <xdr:colOff>152400</xdr:colOff>
      <xdr:row>42</xdr:row>
      <xdr:rowOff>60113</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44890</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724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64677</xdr:rowOff>
    </xdr:from>
    <xdr:to>
      <xdr:col>81</xdr:col>
      <xdr:colOff>95250</xdr:colOff>
      <xdr:row>41</xdr:row>
      <xdr:rowOff>94827</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9754</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686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32504</xdr:rowOff>
    </xdr:from>
    <xdr:to>
      <xdr:col>77</xdr:col>
      <xdr:colOff>95250</xdr:colOff>
      <xdr:row>41</xdr:row>
      <xdr:rowOff>62654</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699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675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16417</xdr:rowOff>
    </xdr:from>
    <xdr:to>
      <xdr:col>73</xdr:col>
      <xdr:colOff>44450</xdr:colOff>
      <xdr:row>41</xdr:row>
      <xdr:rowOff>46567</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56744</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00330</xdr:rowOff>
    </xdr:from>
    <xdr:to>
      <xdr:col>68</xdr:col>
      <xdr:colOff>203200</xdr:colOff>
      <xdr:row>41</xdr:row>
      <xdr:rowOff>304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06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度の将来負担比率は、財政調整基金の積立により充当可能基金が増加したこと及び普通交付税の増により標準財政規模が増加したこと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令和３年度も同様の理由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令和４年度は臨時財政対策債や普通交付税の減により標準財政規模は減少しているが、基金の積立が増加したことにより、対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7.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少となった。だが、類似団体と比べると決して低くない。</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787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64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892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00209</xdr:rowOff>
    </xdr:from>
    <xdr:to>
      <xdr:col>81</xdr:col>
      <xdr:colOff>44450</xdr:colOff>
      <xdr:row>15</xdr:row>
      <xdr:rowOff>130991</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500509"/>
          <a:ext cx="838200" cy="202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30991</xdr:rowOff>
    </xdr:from>
    <xdr:to>
      <xdr:col>77</xdr:col>
      <xdr:colOff>44450</xdr:colOff>
      <xdr:row>16</xdr:row>
      <xdr:rowOff>135346</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702741"/>
          <a:ext cx="889000" cy="175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2849</xdr:rowOff>
    </xdr:from>
    <xdr:to>
      <xdr:col>77</xdr:col>
      <xdr:colOff>95250</xdr:colOff>
      <xdr:row>14</xdr:row>
      <xdr:rowOff>42999</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3176</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105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35346</xdr:rowOff>
    </xdr:from>
    <xdr:to>
      <xdr:col>72</xdr:col>
      <xdr:colOff>203200</xdr:colOff>
      <xdr:row>17</xdr:row>
      <xdr:rowOff>148892</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878546"/>
          <a:ext cx="889000" cy="184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9534</xdr:rowOff>
    </xdr:from>
    <xdr:to>
      <xdr:col>73</xdr:col>
      <xdr:colOff>44450</xdr:colOff>
      <xdr:row>14</xdr:row>
      <xdr:rowOff>121134</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31311</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188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07527</xdr:rowOff>
    </xdr:from>
    <xdr:to>
      <xdr:col>68</xdr:col>
      <xdr:colOff>152400</xdr:colOff>
      <xdr:row>17</xdr:row>
      <xdr:rowOff>14889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a:off x="13512800" y="3022177"/>
          <a:ext cx="889000" cy="41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69185</xdr:rowOff>
    </xdr:from>
    <xdr:to>
      <xdr:col>68</xdr:col>
      <xdr:colOff>203200</xdr:colOff>
      <xdr:row>13</xdr:row>
      <xdr:rowOff>170785</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9512</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49409</xdr:rowOff>
    </xdr:from>
    <xdr:to>
      <xdr:col>81</xdr:col>
      <xdr:colOff>95250</xdr:colOff>
      <xdr:row>14</xdr:row>
      <xdr:rowOff>151009</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44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21486</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421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80191</xdr:rowOff>
    </xdr:from>
    <xdr:to>
      <xdr:col>77</xdr:col>
      <xdr:colOff>95250</xdr:colOff>
      <xdr:row>16</xdr:row>
      <xdr:rowOff>10341</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651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166568</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7383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84546</xdr:rowOff>
    </xdr:from>
    <xdr:to>
      <xdr:col>73</xdr:col>
      <xdr:colOff>44450</xdr:colOff>
      <xdr:row>17</xdr:row>
      <xdr:rowOff>14696</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82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70923</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914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98092</xdr:rowOff>
    </xdr:from>
    <xdr:to>
      <xdr:col>68</xdr:col>
      <xdr:colOff>203200</xdr:colOff>
      <xdr:row>18</xdr:row>
      <xdr:rowOff>28242</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012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3019</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099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56727</xdr:rowOff>
    </xdr:from>
    <xdr:to>
      <xdr:col>64</xdr:col>
      <xdr:colOff>152400</xdr:colOff>
      <xdr:row>17</xdr:row>
      <xdr:rowOff>158327</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2971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43104</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05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完全廃止していた地域手当の再導入や、人事院勧告による給与改定により、類似団体内平均と比べても高い水準にある。令和２年度は、制度改正に伴う会計年度任用職員給与費の皆増により、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令和３年度は、退職手当組合の負担金が減少したため、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大幅な減となった。令和４年度は分子である人件費の金額は令和３年度と比較すると、ほぼ横ばいだが、分母の経常一財の収入が減少したため、対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69850</xdr:rowOff>
    </xdr:from>
    <xdr:to>
      <xdr:col>24</xdr:col>
      <xdr:colOff>25400</xdr:colOff>
      <xdr:row>40</xdr:row>
      <xdr:rowOff>12319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899150"/>
          <a:ext cx="0" cy="1082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526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53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3190</xdr:rowOff>
    </xdr:from>
    <xdr:to>
      <xdr:col>24</xdr:col>
      <xdr:colOff>114300</xdr:colOff>
      <xdr:row>40</xdr:row>
      <xdr:rowOff>12319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698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622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642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69850</xdr:rowOff>
    </xdr:from>
    <xdr:to>
      <xdr:col>24</xdr:col>
      <xdr:colOff>114300</xdr:colOff>
      <xdr:row>34</xdr:row>
      <xdr:rowOff>698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899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85090</xdr:rowOff>
    </xdr:from>
    <xdr:to>
      <xdr:col>24</xdr:col>
      <xdr:colOff>25400</xdr:colOff>
      <xdr:row>36</xdr:row>
      <xdr:rowOff>1155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25729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130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5990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44780</xdr:rowOff>
    </xdr:from>
    <xdr:to>
      <xdr:col>24</xdr:col>
      <xdr:colOff>76200</xdr:colOff>
      <xdr:row>36</xdr:row>
      <xdr:rowOff>7493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85090</xdr:rowOff>
    </xdr:from>
    <xdr:to>
      <xdr:col>19</xdr:col>
      <xdr:colOff>187325</xdr:colOff>
      <xdr:row>37</xdr:row>
      <xdr:rowOff>2032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25729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9540</xdr:rowOff>
    </xdr:from>
    <xdr:to>
      <xdr:col>20</xdr:col>
      <xdr:colOff>38100</xdr:colOff>
      <xdr:row>36</xdr:row>
      <xdr:rowOff>596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30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98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8991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2700</xdr:rowOff>
    </xdr:from>
    <xdr:to>
      <xdr:col>15</xdr:col>
      <xdr:colOff>98425</xdr:colOff>
      <xdr:row>37</xdr:row>
      <xdr:rowOff>2032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63563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34290</xdr:rowOff>
    </xdr:from>
    <xdr:to>
      <xdr:col>15</xdr:col>
      <xdr:colOff>149225</xdr:colOff>
      <xdr:row>36</xdr:row>
      <xdr:rowOff>1358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0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60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5975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2700</xdr:rowOff>
    </xdr:from>
    <xdr:to>
      <xdr:col>11</xdr:col>
      <xdr:colOff>9525</xdr:colOff>
      <xdr:row>37</xdr:row>
      <xdr:rowOff>584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35635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144780</xdr:rowOff>
    </xdr:from>
    <xdr:to>
      <xdr:col>11</xdr:col>
      <xdr:colOff>60325</xdr:colOff>
      <xdr:row>36</xdr:row>
      <xdr:rowOff>749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14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851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14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7160</xdr:rowOff>
    </xdr:from>
    <xdr:to>
      <xdr:col>6</xdr:col>
      <xdr:colOff>171450</xdr:colOff>
      <xdr:row>36</xdr:row>
      <xdr:rowOff>6731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13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7748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06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64770</xdr:rowOff>
    </xdr:from>
    <xdr:to>
      <xdr:col>24</xdr:col>
      <xdr:colOff>76200</xdr:colOff>
      <xdr:row>36</xdr:row>
      <xdr:rowOff>1663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36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3684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209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34290</xdr:rowOff>
    </xdr:from>
    <xdr:to>
      <xdr:col>20</xdr:col>
      <xdr:colOff>38100</xdr:colOff>
      <xdr:row>36</xdr:row>
      <xdr:rowOff>13589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06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2066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2928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40970</xdr:rowOff>
    </xdr:from>
    <xdr:to>
      <xdr:col>15</xdr:col>
      <xdr:colOff>149225</xdr:colOff>
      <xdr:row>37</xdr:row>
      <xdr:rowOff>711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58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39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33350</xdr:rowOff>
    </xdr:from>
    <xdr:to>
      <xdr:col>11</xdr:col>
      <xdr:colOff>60325</xdr:colOff>
      <xdr:row>37</xdr:row>
      <xdr:rowOff>635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0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482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391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7620</xdr:rowOff>
    </xdr:from>
    <xdr:to>
      <xdr:col>6</xdr:col>
      <xdr:colOff>171450</xdr:colOff>
      <xdr:row>37</xdr:row>
      <xdr:rowOff>10922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351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399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43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物件費に係る経常収支比率は全国平均や神奈川県平均、類似団体内平均よりも低くなっている。令和３年度は、西平畑公園の入園料徴収委託等の新規経費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加となった。令和４年度は、物価高騰による光熱水費の増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2700</xdr:rowOff>
    </xdr:from>
    <xdr:to>
      <xdr:col>82</xdr:col>
      <xdr:colOff>107950</xdr:colOff>
      <xdr:row>16</xdr:row>
      <xdr:rowOff>98425</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2755900"/>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9590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8391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3825</xdr:rowOff>
    </xdr:from>
    <xdr:to>
      <xdr:col>82</xdr:col>
      <xdr:colOff>158750</xdr:colOff>
      <xdr:row>17</xdr:row>
      <xdr:rowOff>539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867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65100</xdr:rowOff>
    </xdr:from>
    <xdr:to>
      <xdr:col>78</xdr:col>
      <xdr:colOff>69850</xdr:colOff>
      <xdr:row>16</xdr:row>
      <xdr:rowOff>12700</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4782800" y="25654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61925</xdr:rowOff>
    </xdr:from>
    <xdr:to>
      <xdr:col>78</xdr:col>
      <xdr:colOff>120650</xdr:colOff>
      <xdr:row>16</xdr:row>
      <xdr:rowOff>92075</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76852</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820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65100</xdr:rowOff>
    </xdr:from>
    <xdr:to>
      <xdr:col>73</xdr:col>
      <xdr:colOff>180975</xdr:colOff>
      <xdr:row>16</xdr:row>
      <xdr:rowOff>22225</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flipV="1">
          <a:off x="13893800" y="2565400"/>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28575</xdr:rowOff>
    </xdr:from>
    <xdr:to>
      <xdr:col>74</xdr:col>
      <xdr:colOff>31750</xdr:colOff>
      <xdr:row>16</xdr:row>
      <xdr:rowOff>130175</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4952</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858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22225</xdr:rowOff>
    </xdr:from>
    <xdr:to>
      <xdr:col>69</xdr:col>
      <xdr:colOff>92075</xdr:colOff>
      <xdr:row>16</xdr:row>
      <xdr:rowOff>88900</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flipV="1">
          <a:off x="13004800" y="276542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0</xdr:rowOff>
    </xdr:from>
    <xdr:to>
      <xdr:col>69</xdr:col>
      <xdr:colOff>142875</xdr:colOff>
      <xdr:row>17</xdr:row>
      <xdr:rowOff>1016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863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300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1925</xdr:rowOff>
    </xdr:from>
    <xdr:to>
      <xdr:col>65</xdr:col>
      <xdr:colOff>53975</xdr:colOff>
      <xdr:row>17</xdr:row>
      <xdr:rowOff>920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68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99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7625</xdr:rowOff>
    </xdr:from>
    <xdr:to>
      <xdr:col>82</xdr:col>
      <xdr:colOff>158750</xdr:colOff>
      <xdr:row>16</xdr:row>
      <xdr:rowOff>14922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790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64152</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635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33350</xdr:rowOff>
    </xdr:from>
    <xdr:to>
      <xdr:col>78</xdr:col>
      <xdr:colOff>120650</xdr:colOff>
      <xdr:row>16</xdr:row>
      <xdr:rowOff>635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73677</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473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14300</xdr:rowOff>
    </xdr:from>
    <xdr:to>
      <xdr:col>74</xdr:col>
      <xdr:colOff>31750</xdr:colOff>
      <xdr:row>15</xdr:row>
      <xdr:rowOff>4445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51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5462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228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42875</xdr:rowOff>
    </xdr:from>
    <xdr:to>
      <xdr:col>69</xdr:col>
      <xdr:colOff>142875</xdr:colOff>
      <xdr:row>16</xdr:row>
      <xdr:rowOff>73025</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71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83202</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48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0</xdr:rowOff>
    </xdr:from>
    <xdr:to>
      <xdr:col>65</xdr:col>
      <xdr:colOff>53975</xdr:colOff>
      <xdr:row>16</xdr:row>
      <xdr:rowOff>139700</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9877</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２年度は、児童手当の対象者の減少や新型コロナウイルス流行による受診控えにより、医療費の公費負担が減少したことにより、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令和３年度は、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5</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が、分子である扶助費の金額は令和２年度と変わりなく、分母の経常一財の収入が増加したため、減少となった。令和４年度は障害福祉サービス等給付費等が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7</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13393</xdr:rowOff>
    </xdr:from>
    <xdr:to>
      <xdr:col>24</xdr:col>
      <xdr:colOff>25400</xdr:colOff>
      <xdr:row>61</xdr:row>
      <xdr:rowOff>15422</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4826000" y="9200243"/>
          <a:ext cx="0" cy="12736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9" name="扶助費最小値テキスト">
          <a:extLst>
            <a:ext uri="{FF2B5EF4-FFF2-40B4-BE49-F238E27FC236}">
              <a16:creationId xmlns:a16="http://schemas.microsoft.com/office/drawing/2014/main" id="{00000000-0008-0000-0400-0000BD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28320</xdr:rowOff>
    </xdr:from>
    <xdr:ext cx="762000" cy="259045"/>
    <xdr:sp macro="" textlink="">
      <xdr:nvSpPr>
        <xdr:cNvPr id="191" name="扶助費最大値テキスト">
          <a:extLst>
            <a:ext uri="{FF2B5EF4-FFF2-40B4-BE49-F238E27FC236}">
              <a16:creationId xmlns:a16="http://schemas.microsoft.com/office/drawing/2014/main" id="{00000000-0008-0000-0400-0000BF000000}"/>
            </a:ext>
          </a:extLst>
        </xdr:cNvPr>
        <xdr:cNvSpPr txBox="1"/>
      </xdr:nvSpPr>
      <xdr:spPr>
        <a:xfrm>
          <a:off x="4914900" y="894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13393</xdr:rowOff>
    </xdr:from>
    <xdr:to>
      <xdr:col>24</xdr:col>
      <xdr:colOff>114300</xdr:colOff>
      <xdr:row>53</xdr:row>
      <xdr:rowOff>113393</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4737100" y="9200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23585</xdr:rowOff>
    </xdr:from>
    <xdr:to>
      <xdr:col>24</xdr:col>
      <xdr:colOff>25400</xdr:colOff>
      <xdr:row>56</xdr:row>
      <xdr:rowOff>99785</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3987800" y="9624785"/>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32855</xdr:rowOff>
    </xdr:from>
    <xdr:ext cx="762000" cy="259045"/>
    <xdr:sp macro="" textlink="">
      <xdr:nvSpPr>
        <xdr:cNvPr id="194" name="扶助費平均値テキスト">
          <a:extLst>
            <a:ext uri="{FF2B5EF4-FFF2-40B4-BE49-F238E27FC236}">
              <a16:creationId xmlns:a16="http://schemas.microsoft.com/office/drawing/2014/main" id="{00000000-0008-0000-0400-0000C2000000}"/>
            </a:ext>
          </a:extLst>
        </xdr:cNvPr>
        <xdr:cNvSpPr txBox="1"/>
      </xdr:nvSpPr>
      <xdr:spPr>
        <a:xfrm>
          <a:off x="4914900" y="9462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23585</xdr:rowOff>
    </xdr:from>
    <xdr:to>
      <xdr:col>19</xdr:col>
      <xdr:colOff>187325</xdr:colOff>
      <xdr:row>56</xdr:row>
      <xdr:rowOff>78015</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flipV="1">
          <a:off x="3098800" y="96247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91820</xdr:rowOff>
    </xdr:from>
    <xdr:ext cx="7366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3606800" y="9693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78015</xdr:rowOff>
    </xdr:from>
    <xdr:to>
      <xdr:col>15</xdr:col>
      <xdr:colOff>98425</xdr:colOff>
      <xdr:row>56</xdr:row>
      <xdr:rowOff>143328</xdr:rowOff>
    </xdr:to>
    <xdr:cxnSp macro="">
      <xdr:nvCxnSpPr>
        <xdr:cNvPr id="199" name="直線コネクタ 198">
          <a:extLst>
            <a:ext uri="{FF2B5EF4-FFF2-40B4-BE49-F238E27FC236}">
              <a16:creationId xmlns:a16="http://schemas.microsoft.com/office/drawing/2014/main" id="{00000000-0008-0000-0400-0000C7000000}"/>
            </a:ext>
          </a:extLst>
        </xdr:cNvPr>
        <xdr:cNvCxnSpPr/>
      </xdr:nvCxnSpPr>
      <xdr:spPr>
        <a:xfrm flipV="1">
          <a:off x="2209800" y="9679215"/>
          <a:ext cx="8890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38100</xdr:rowOff>
    </xdr:from>
    <xdr:to>
      <xdr:col>15</xdr:col>
      <xdr:colOff>149225</xdr:colOff>
      <xdr:row>56</xdr:row>
      <xdr:rowOff>13970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3048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244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2717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10672</xdr:rowOff>
    </xdr:from>
    <xdr:to>
      <xdr:col>11</xdr:col>
      <xdr:colOff>9525</xdr:colOff>
      <xdr:row>56</xdr:row>
      <xdr:rowOff>143328</xdr:rowOff>
    </xdr:to>
    <xdr:cxnSp macro="">
      <xdr:nvCxnSpPr>
        <xdr:cNvPr id="202" name="直線コネクタ 201">
          <a:extLst>
            <a:ext uri="{FF2B5EF4-FFF2-40B4-BE49-F238E27FC236}">
              <a16:creationId xmlns:a16="http://schemas.microsoft.com/office/drawing/2014/main" id="{00000000-0008-0000-0400-0000CA000000}"/>
            </a:ext>
          </a:extLst>
        </xdr:cNvPr>
        <xdr:cNvCxnSpPr/>
      </xdr:nvCxnSpPr>
      <xdr:spPr>
        <a:xfrm>
          <a:off x="1320800" y="9711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203" name="フローチャート: 判断 202">
          <a:extLst>
            <a:ext uri="{FF2B5EF4-FFF2-40B4-BE49-F238E27FC236}">
              <a16:creationId xmlns:a16="http://schemas.microsoft.com/office/drawing/2014/main" id="{00000000-0008-0000-0400-0000CB000000}"/>
            </a:ext>
          </a:extLst>
        </xdr:cNvPr>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2922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828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2528</xdr:rowOff>
    </xdr:from>
    <xdr:to>
      <xdr:col>6</xdr:col>
      <xdr:colOff>171450</xdr:colOff>
      <xdr:row>57</xdr:row>
      <xdr:rowOff>22678</xdr:rowOff>
    </xdr:to>
    <xdr:sp macro="" textlink="">
      <xdr:nvSpPr>
        <xdr:cNvPr id="205" name="フローチャート: 判断 204">
          <a:extLst>
            <a:ext uri="{FF2B5EF4-FFF2-40B4-BE49-F238E27FC236}">
              <a16:creationId xmlns:a16="http://schemas.microsoft.com/office/drawing/2014/main" id="{00000000-0008-0000-0400-0000CD000000}"/>
            </a:ext>
          </a:extLst>
        </xdr:cNvPr>
        <xdr:cNvSpPr/>
      </xdr:nvSpPr>
      <xdr:spPr>
        <a:xfrm>
          <a:off x="1270000" y="969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7455</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939800" y="978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48985</xdr:rowOff>
    </xdr:from>
    <xdr:to>
      <xdr:col>24</xdr:col>
      <xdr:colOff>76200</xdr:colOff>
      <xdr:row>56</xdr:row>
      <xdr:rowOff>150585</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4775200" y="9650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1062</xdr:rowOff>
    </xdr:from>
    <xdr:ext cx="762000" cy="259045"/>
    <xdr:sp macro="" textlink="">
      <xdr:nvSpPr>
        <xdr:cNvPr id="213" name="扶助費該当値テキスト">
          <a:extLst>
            <a:ext uri="{FF2B5EF4-FFF2-40B4-BE49-F238E27FC236}">
              <a16:creationId xmlns:a16="http://schemas.microsoft.com/office/drawing/2014/main" id="{00000000-0008-0000-0400-0000D5000000}"/>
            </a:ext>
          </a:extLst>
        </xdr:cNvPr>
        <xdr:cNvSpPr txBox="1"/>
      </xdr:nvSpPr>
      <xdr:spPr>
        <a:xfrm>
          <a:off x="4914900" y="9622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4235</xdr:rowOff>
    </xdr:from>
    <xdr:to>
      <xdr:col>20</xdr:col>
      <xdr:colOff>38100</xdr:colOff>
      <xdr:row>56</xdr:row>
      <xdr:rowOff>74385</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3937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4562</xdr:rowOff>
    </xdr:from>
    <xdr:ext cx="7366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3606800" y="9342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27215</xdr:rowOff>
    </xdr:from>
    <xdr:to>
      <xdr:col>15</xdr:col>
      <xdr:colOff>149225</xdr:colOff>
      <xdr:row>56</xdr:row>
      <xdr:rowOff>128815</xdr:rowOff>
    </xdr:to>
    <xdr:sp macro="" textlink="">
      <xdr:nvSpPr>
        <xdr:cNvPr id="216" name="楕円 215">
          <a:extLst>
            <a:ext uri="{FF2B5EF4-FFF2-40B4-BE49-F238E27FC236}">
              <a16:creationId xmlns:a16="http://schemas.microsoft.com/office/drawing/2014/main" id="{00000000-0008-0000-0400-0000D8000000}"/>
            </a:ext>
          </a:extLst>
        </xdr:cNvPr>
        <xdr:cNvSpPr/>
      </xdr:nvSpPr>
      <xdr:spPr>
        <a:xfrm>
          <a:off x="30480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38992</xdr:rowOff>
    </xdr:from>
    <xdr:ext cx="762000" cy="259045"/>
    <xdr:sp macro="" textlink="">
      <xdr:nvSpPr>
        <xdr:cNvPr id="217" name="テキスト ボックス 216">
          <a:extLst>
            <a:ext uri="{FF2B5EF4-FFF2-40B4-BE49-F238E27FC236}">
              <a16:creationId xmlns:a16="http://schemas.microsoft.com/office/drawing/2014/main" id="{00000000-0008-0000-0400-0000D9000000}"/>
            </a:ext>
          </a:extLst>
        </xdr:cNvPr>
        <xdr:cNvSpPr txBox="1"/>
      </xdr:nvSpPr>
      <xdr:spPr>
        <a:xfrm>
          <a:off x="2717800" y="9397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92528</xdr:rowOff>
    </xdr:from>
    <xdr:to>
      <xdr:col>11</xdr:col>
      <xdr:colOff>60325</xdr:colOff>
      <xdr:row>57</xdr:row>
      <xdr:rowOff>22678</xdr:rowOff>
    </xdr:to>
    <xdr:sp macro="" textlink="">
      <xdr:nvSpPr>
        <xdr:cNvPr id="218" name="楕円 217">
          <a:extLst>
            <a:ext uri="{FF2B5EF4-FFF2-40B4-BE49-F238E27FC236}">
              <a16:creationId xmlns:a16="http://schemas.microsoft.com/office/drawing/2014/main" id="{00000000-0008-0000-0400-0000DA000000}"/>
            </a:ext>
          </a:extLst>
        </xdr:cNvPr>
        <xdr:cNvSpPr/>
      </xdr:nvSpPr>
      <xdr:spPr>
        <a:xfrm>
          <a:off x="21590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32855</xdr:rowOff>
    </xdr:from>
    <xdr:ext cx="762000" cy="259045"/>
    <xdr:sp macro="" textlink="">
      <xdr:nvSpPr>
        <xdr:cNvPr id="219" name="テキスト ボックス 218">
          <a:extLst>
            <a:ext uri="{FF2B5EF4-FFF2-40B4-BE49-F238E27FC236}">
              <a16:creationId xmlns:a16="http://schemas.microsoft.com/office/drawing/2014/main" id="{00000000-0008-0000-0400-0000DB000000}"/>
            </a:ext>
          </a:extLst>
        </xdr:cNvPr>
        <xdr:cNvSpPr txBox="1"/>
      </xdr:nvSpPr>
      <xdr:spPr>
        <a:xfrm>
          <a:off x="1828800" y="946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220" name="楕円 219">
          <a:extLst>
            <a:ext uri="{FF2B5EF4-FFF2-40B4-BE49-F238E27FC236}">
              <a16:creationId xmlns:a16="http://schemas.microsoft.com/office/drawing/2014/main" id="{00000000-0008-0000-0400-0000DC000000}"/>
            </a:ext>
          </a:extLst>
        </xdr:cNvPr>
        <xdr:cNvSpPr/>
      </xdr:nvSpPr>
      <xdr:spPr>
        <a:xfrm>
          <a:off x="1270000" y="9661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99</xdr:rowOff>
    </xdr:from>
    <xdr:ext cx="762000" cy="259045"/>
    <xdr:sp macro="" textlink="">
      <xdr:nvSpPr>
        <xdr:cNvPr id="221" name="テキスト ボックス 220">
          <a:extLst>
            <a:ext uri="{FF2B5EF4-FFF2-40B4-BE49-F238E27FC236}">
              <a16:creationId xmlns:a16="http://schemas.microsoft.com/office/drawing/2014/main" id="{00000000-0008-0000-0400-0000DD000000}"/>
            </a:ext>
          </a:extLst>
        </xdr:cNvPr>
        <xdr:cNvSpPr txBox="1"/>
      </xdr:nvSpPr>
      <xdr:spPr>
        <a:xfrm>
          <a:off x="939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その他に係る経常収支比率は、令和２年度までは類似団体内平均を上回っている。主な要因は、下水道事業会計などへの多額な繰出金である。令和４年度は、介護保険事業会計への繰出金が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また、類似団体内平均を</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上回った。</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41696</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228546"/>
          <a:ext cx="0" cy="12083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56623</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972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41696</xdr:rowOff>
    </xdr:from>
    <xdr:to>
      <xdr:col>82</xdr:col>
      <xdr:colOff>196850</xdr:colOff>
      <xdr:row>53</xdr:row>
      <xdr:rowOff>141696</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228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63319</xdr:rowOff>
    </xdr:from>
    <xdr:to>
      <xdr:col>82</xdr:col>
      <xdr:colOff>107950</xdr:colOff>
      <xdr:row>57</xdr:row>
      <xdr:rowOff>135165</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835969"/>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29046</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6302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519</xdr:rowOff>
    </xdr:from>
    <xdr:to>
      <xdr:col>82</xdr:col>
      <xdr:colOff>158750</xdr:colOff>
      <xdr:row>57</xdr:row>
      <xdr:rowOff>114119</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785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63319</xdr:rowOff>
    </xdr:from>
    <xdr:to>
      <xdr:col>78</xdr:col>
      <xdr:colOff>69850</xdr:colOff>
      <xdr:row>58</xdr:row>
      <xdr:rowOff>48623</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835969"/>
          <a:ext cx="889000" cy="156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29028</xdr:rowOff>
    </xdr:from>
    <xdr:to>
      <xdr:col>73</xdr:col>
      <xdr:colOff>180975</xdr:colOff>
      <xdr:row>58</xdr:row>
      <xdr:rowOff>48623</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973128"/>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77833</xdr:rowOff>
    </xdr:from>
    <xdr:to>
      <xdr:col>74</xdr:col>
      <xdr:colOff>31750</xdr:colOff>
      <xdr:row>58</xdr:row>
      <xdr:rowOff>7983</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8160</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619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29028</xdr:rowOff>
    </xdr:from>
    <xdr:to>
      <xdr:col>69</xdr:col>
      <xdr:colOff>92075</xdr:colOff>
      <xdr:row>58</xdr:row>
      <xdr:rowOff>87812</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9973128"/>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4692</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7427</xdr:rowOff>
    </xdr:from>
    <xdr:to>
      <xdr:col>65</xdr:col>
      <xdr:colOff>53975</xdr:colOff>
      <xdr:row>58</xdr:row>
      <xdr:rowOff>27577</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37754</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38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4365</xdr:rowOff>
    </xdr:from>
    <xdr:to>
      <xdr:col>82</xdr:col>
      <xdr:colOff>158750</xdr:colOff>
      <xdr:row>58</xdr:row>
      <xdr:rowOff>14515</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85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56442</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829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2519</xdr:rowOff>
    </xdr:from>
    <xdr:to>
      <xdr:col>78</xdr:col>
      <xdr:colOff>120650</xdr:colOff>
      <xdr:row>57</xdr:row>
      <xdr:rowOff>114119</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78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4296</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5540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69273</xdr:rowOff>
    </xdr:from>
    <xdr:to>
      <xdr:col>74</xdr:col>
      <xdr:colOff>31750</xdr:colOff>
      <xdr:row>58</xdr:row>
      <xdr:rowOff>99423</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4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84200</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28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49678</xdr:rowOff>
    </xdr:from>
    <xdr:to>
      <xdr:col>69</xdr:col>
      <xdr:colOff>142875</xdr:colOff>
      <xdr:row>58</xdr:row>
      <xdr:rowOff>79828</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64605</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7012</xdr:rowOff>
    </xdr:from>
    <xdr:to>
      <xdr:col>65</xdr:col>
      <xdr:colOff>53975</xdr:colOff>
      <xdr:row>58</xdr:row>
      <xdr:rowOff>138612</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98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3389</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1006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広域消防や清掃組合への負担金が多くを占めており、ほぼ固定化されている。補助費の決算額はほぼ横ばいだが分母の経常一財の収入が減少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6</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類似団体内平均よりは低いものの、全国平均や神奈川県平均よりは高いため、今後は各種補助金についても見直しを図り、経費の縮減に努めていく。</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270</xdr:rowOff>
    </xdr:from>
    <xdr:to>
      <xdr:col>82</xdr:col>
      <xdr:colOff>107950</xdr:colOff>
      <xdr:row>41</xdr:row>
      <xdr:rowOff>13081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659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288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132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0810</xdr:rowOff>
    </xdr:from>
    <xdr:to>
      <xdr:col>82</xdr:col>
      <xdr:colOff>196850</xdr:colOff>
      <xdr:row>41</xdr:row>
      <xdr:rowOff>13081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16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8764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402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270</xdr:rowOff>
    </xdr:from>
    <xdr:to>
      <xdr:col>82</xdr:col>
      <xdr:colOff>196850</xdr:colOff>
      <xdr:row>33</xdr:row>
      <xdr:rowOff>127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659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96520</xdr:rowOff>
    </xdr:from>
    <xdr:to>
      <xdr:col>82</xdr:col>
      <xdr:colOff>107950</xdr:colOff>
      <xdr:row>36</xdr:row>
      <xdr:rowOff>14224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26872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257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334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6520</xdr:rowOff>
    </xdr:from>
    <xdr:to>
      <xdr:col>78</xdr:col>
      <xdr:colOff>69850</xdr:colOff>
      <xdr:row>36</xdr:row>
      <xdr:rowOff>16510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2687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65100</xdr:rowOff>
    </xdr:from>
    <xdr:to>
      <xdr:col>73</xdr:col>
      <xdr:colOff>180975</xdr:colOff>
      <xdr:row>37</xdr:row>
      <xdr:rowOff>4699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3373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64770</xdr:rowOff>
    </xdr:from>
    <xdr:to>
      <xdr:col>74</xdr:col>
      <xdr:colOff>31750</xdr:colOff>
      <xdr:row>37</xdr:row>
      <xdr:rowOff>16637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5114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46990</xdr:rowOff>
    </xdr:from>
    <xdr:to>
      <xdr:col>69</xdr:col>
      <xdr:colOff>92075</xdr:colOff>
      <xdr:row>37</xdr:row>
      <xdr:rowOff>5461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3906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80010</xdr:rowOff>
    </xdr:from>
    <xdr:to>
      <xdr:col>69</xdr:col>
      <xdr:colOff>142875</xdr:colOff>
      <xdr:row>38</xdr:row>
      <xdr:rowOff>1016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6638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26670</xdr:rowOff>
    </xdr:from>
    <xdr:to>
      <xdr:col>65</xdr:col>
      <xdr:colOff>53975</xdr:colOff>
      <xdr:row>37</xdr:row>
      <xdr:rowOff>12827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1304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1440</xdr:rowOff>
    </xdr:from>
    <xdr:to>
      <xdr:col>82</xdr:col>
      <xdr:colOff>158750</xdr:colOff>
      <xdr:row>37</xdr:row>
      <xdr:rowOff>2159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26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0796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45720</xdr:rowOff>
    </xdr:from>
    <xdr:to>
      <xdr:col>78</xdr:col>
      <xdr:colOff>120650</xdr:colOff>
      <xdr:row>36</xdr:row>
      <xdr:rowOff>14732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217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5749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986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14300</xdr:rowOff>
    </xdr:from>
    <xdr:to>
      <xdr:col>74</xdr:col>
      <xdr:colOff>31750</xdr:colOff>
      <xdr:row>37</xdr:row>
      <xdr:rowOff>444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46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67640</xdr:rowOff>
    </xdr:from>
    <xdr:to>
      <xdr:col>69</xdr:col>
      <xdr:colOff>142875</xdr:colOff>
      <xdr:row>37</xdr:row>
      <xdr:rowOff>9779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0796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3810</xdr:rowOff>
    </xdr:from>
    <xdr:to>
      <xdr:col>65</xdr:col>
      <xdr:colOff>53975</xdr:colOff>
      <xdr:row>37</xdr:row>
      <xdr:rowOff>10541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1558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に係る経常収支比率は、全国平均及び神奈川県平均を下回っており、類似団体内でも低い比率で推移している。また、今後、松田小学校整備事業をはじめとした大型公共事業の元金償還が始まるため、計画的に公債費の抑制を図っていく必要が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8430</xdr:rowOff>
    </xdr:from>
    <xdr:to>
      <xdr:col>24</xdr:col>
      <xdr:colOff>25400</xdr:colOff>
      <xdr:row>80</xdr:row>
      <xdr:rowOff>8128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654280"/>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3357</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76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1280</xdr:rowOff>
    </xdr:from>
    <xdr:to>
      <xdr:col>24</xdr:col>
      <xdr:colOff>114300</xdr:colOff>
      <xdr:row>80</xdr:row>
      <xdr:rowOff>8128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79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335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39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8430</xdr:rowOff>
    </xdr:from>
    <xdr:to>
      <xdr:col>24</xdr:col>
      <xdr:colOff>114300</xdr:colOff>
      <xdr:row>73</xdr:row>
      <xdr:rowOff>13843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654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4996</xdr:rowOff>
    </xdr:from>
    <xdr:to>
      <xdr:col>24</xdr:col>
      <xdr:colOff>25400</xdr:colOff>
      <xdr:row>76</xdr:row>
      <xdr:rowOff>154432</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987800" y="13125196"/>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8559</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220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46482</xdr:rowOff>
    </xdr:from>
    <xdr:to>
      <xdr:col>24</xdr:col>
      <xdr:colOff>76200</xdr:colOff>
      <xdr:row>77</xdr:row>
      <xdr:rowOff>148082</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4996</xdr:rowOff>
    </xdr:from>
    <xdr:to>
      <xdr:col>19</xdr:col>
      <xdr:colOff>187325</xdr:colOff>
      <xdr:row>76</xdr:row>
      <xdr:rowOff>131572</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2519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131572</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12976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32765</xdr:rowOff>
    </xdr:from>
    <xdr:to>
      <xdr:col>15</xdr:col>
      <xdr:colOff>149225</xdr:colOff>
      <xdr:row>77</xdr:row>
      <xdr:rowOff>134365</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9142</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6</xdr:row>
      <xdr:rowOff>136144</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297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4478</xdr:rowOff>
    </xdr:from>
    <xdr:to>
      <xdr:col>11</xdr:col>
      <xdr:colOff>60325</xdr:colOff>
      <xdr:row>77</xdr:row>
      <xdr:rowOff>116078</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0855</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335</xdr:rowOff>
    </xdr:from>
    <xdr:to>
      <xdr:col>6</xdr:col>
      <xdr:colOff>171450</xdr:colOff>
      <xdr:row>77</xdr:row>
      <xdr:rowOff>106935</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1712</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3632</xdr:rowOff>
    </xdr:from>
    <xdr:to>
      <xdr:col>24</xdr:col>
      <xdr:colOff>76200</xdr:colOff>
      <xdr:row>77</xdr:row>
      <xdr:rowOff>33782</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133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20159</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78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4196</xdr:rowOff>
    </xdr:from>
    <xdr:to>
      <xdr:col>20</xdr:col>
      <xdr:colOff>38100</xdr:colOff>
      <xdr:row>76</xdr:row>
      <xdr:rowOff>14579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5973</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843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80772</xdr:rowOff>
    </xdr:from>
    <xdr:to>
      <xdr:col>15</xdr:col>
      <xdr:colOff>149225</xdr:colOff>
      <xdr:row>77</xdr:row>
      <xdr:rowOff>10922</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1099</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7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48768</xdr:rowOff>
    </xdr:from>
    <xdr:to>
      <xdr:col>11</xdr:col>
      <xdr:colOff>60325</xdr:colOff>
      <xdr:row>76</xdr:row>
      <xdr:rowOff>150368</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0545</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85344</xdr:rowOff>
    </xdr:from>
    <xdr:to>
      <xdr:col>6</xdr:col>
      <xdr:colOff>171450</xdr:colOff>
      <xdr:row>77</xdr:row>
      <xdr:rowOff>15494</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5671</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公債費以外に係る経常収支比率は、神奈川県平均や全国平均より下回っている。しかし、人件費の乖離が大きいため令和元年度までは、類似団体内平均を上回っている。令和３年度は、退職手当組合の負担金が減少したため、同率となった。令和４年度は、光熱水費の増や、障害福祉サービス等給付費等扶助費の増加したため、対前年度比</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となった。</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4610</xdr:rowOff>
    </xdr:from>
    <xdr:to>
      <xdr:col>82</xdr:col>
      <xdr:colOff>107950</xdr:colOff>
      <xdr:row>80</xdr:row>
      <xdr:rowOff>16891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741910"/>
          <a:ext cx="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0988</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8569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8911</xdr:rowOff>
    </xdr:from>
    <xdr:to>
      <xdr:col>82</xdr:col>
      <xdr:colOff>196850</xdr:colOff>
      <xdr:row>80</xdr:row>
      <xdr:rowOff>16891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884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098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485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4610</xdr:rowOff>
    </xdr:from>
    <xdr:to>
      <xdr:col>82</xdr:col>
      <xdr:colOff>196850</xdr:colOff>
      <xdr:row>74</xdr:row>
      <xdr:rowOff>5461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741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50800</xdr:rowOff>
    </xdr:from>
    <xdr:to>
      <xdr:col>82</xdr:col>
      <xdr:colOff>107950</xdr:colOff>
      <xdr:row>78</xdr:row>
      <xdr:rowOff>35561</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3252450"/>
          <a:ext cx="838200" cy="156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07966</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31381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91439</xdr:rowOff>
    </xdr:from>
    <xdr:to>
      <xdr:col>82</xdr:col>
      <xdr:colOff>158750</xdr:colOff>
      <xdr:row>78</xdr:row>
      <xdr:rowOff>21589</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3293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50800</xdr:rowOff>
    </xdr:from>
    <xdr:to>
      <xdr:col>78</xdr:col>
      <xdr:colOff>69850</xdr:colOff>
      <xdr:row>78</xdr:row>
      <xdr:rowOff>54611</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3252450"/>
          <a:ext cx="889000" cy="175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0</xdr:rowOff>
    </xdr:from>
    <xdr:to>
      <xdr:col>78</xdr:col>
      <xdr:colOff>120650</xdr:colOff>
      <xdr:row>77</xdr:row>
      <xdr:rowOff>10160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1177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297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4611</xdr:rowOff>
    </xdr:from>
    <xdr:to>
      <xdr:col>73</xdr:col>
      <xdr:colOff>180975</xdr:colOff>
      <xdr:row>78</xdr:row>
      <xdr:rowOff>16510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893800" y="13427711"/>
          <a:ext cx="889000" cy="110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1430</xdr:rowOff>
    </xdr:from>
    <xdr:to>
      <xdr:col>74</xdr:col>
      <xdr:colOff>31750</xdr:colOff>
      <xdr:row>78</xdr:row>
      <xdr:rowOff>11303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9780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3470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65100</xdr:rowOff>
    </xdr:from>
    <xdr:to>
      <xdr:col>69</xdr:col>
      <xdr:colOff>92075</xdr:colOff>
      <xdr:row>79</xdr:row>
      <xdr:rowOff>92711</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flipV="1">
          <a:off x="13004800" y="13538200"/>
          <a:ext cx="889000" cy="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5720</xdr:rowOff>
    </xdr:from>
    <xdr:to>
      <xdr:col>69</xdr:col>
      <xdr:colOff>142875</xdr:colOff>
      <xdr:row>78</xdr:row>
      <xdr:rowOff>147320</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5749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620</xdr:rowOff>
    </xdr:from>
    <xdr:to>
      <xdr:col>65</xdr:col>
      <xdr:colOff>53975</xdr:colOff>
      <xdr:row>78</xdr:row>
      <xdr:rowOff>109220</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939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56211</xdr:rowOff>
    </xdr:from>
    <xdr:to>
      <xdr:col>82</xdr:col>
      <xdr:colOff>158750</xdr:colOff>
      <xdr:row>78</xdr:row>
      <xdr:rowOff>86361</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3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28288</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0</xdr:rowOff>
    </xdr:from>
    <xdr:to>
      <xdr:col>78</xdr:col>
      <xdr:colOff>120650</xdr:colOff>
      <xdr:row>77</xdr:row>
      <xdr:rowOff>101600</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320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86377</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3288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3811</xdr:rowOff>
    </xdr:from>
    <xdr:to>
      <xdr:col>74</xdr:col>
      <xdr:colOff>31750</xdr:colOff>
      <xdr:row>78</xdr:row>
      <xdr:rowOff>105411</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3376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15588</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314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14300</xdr:rowOff>
    </xdr:from>
    <xdr:to>
      <xdr:col>69</xdr:col>
      <xdr:colOff>142875</xdr:colOff>
      <xdr:row>79</xdr:row>
      <xdr:rowOff>44450</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29227</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357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41911</xdr:rowOff>
    </xdr:from>
    <xdr:to>
      <xdr:col>65</xdr:col>
      <xdr:colOff>53975</xdr:colOff>
      <xdr:row>79</xdr:row>
      <xdr:rowOff>143511</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8288</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3175</xdr:rowOff>
    </xdr:from>
    <xdr:to>
      <xdr:col>33</xdr:col>
      <xdr:colOff>114300</xdr:colOff>
      <xdr:row>20</xdr:row>
      <xdr:rowOff>3175</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1" name="人口1人当たり決算額の推移グラフ枠130">
          <a:extLst>
            <a:ext uri="{FF2B5EF4-FFF2-40B4-BE49-F238E27FC236}">
              <a16:creationId xmlns:a16="http://schemas.microsoft.com/office/drawing/2014/main" id="{00000000-0008-0000-0500-000029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7195</xdr:rowOff>
    </xdr:from>
    <xdr:to>
      <xdr:col>29</xdr:col>
      <xdr:colOff>127000</xdr:colOff>
      <xdr:row>18</xdr:row>
      <xdr:rowOff>24320</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flipV="1">
          <a:off x="5651500" y="2192220"/>
          <a:ext cx="0" cy="96582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7</xdr:row>
      <xdr:rowOff>167847</xdr:rowOff>
    </xdr:from>
    <xdr:ext cx="762000" cy="259045"/>
    <xdr:sp macro="" textlink="">
      <xdr:nvSpPr>
        <xdr:cNvPr id="43" name="人口1人当たり決算額の推移最小値テキスト130">
          <a:extLst>
            <a:ext uri="{FF2B5EF4-FFF2-40B4-BE49-F238E27FC236}">
              <a16:creationId xmlns:a16="http://schemas.microsoft.com/office/drawing/2014/main" id="{00000000-0008-0000-0500-00002B000000}"/>
            </a:ext>
          </a:extLst>
        </xdr:cNvPr>
        <xdr:cNvSpPr txBox="1"/>
      </xdr:nvSpPr>
      <xdr:spPr>
        <a:xfrm>
          <a:off x="5740400" y="3130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24320</xdr:rowOff>
    </xdr:from>
    <xdr:to>
      <xdr:col>30</xdr:col>
      <xdr:colOff>25400</xdr:colOff>
      <xdr:row>18</xdr:row>
      <xdr:rowOff>24320</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5562600" y="315804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122</xdr:rowOff>
    </xdr:from>
    <xdr:ext cx="762000" cy="259045"/>
    <xdr:sp macro="" textlink="">
      <xdr:nvSpPr>
        <xdr:cNvPr id="45" name="人口1人当たり決算額の推移最大値テキスト130">
          <a:extLst>
            <a:ext uri="{FF2B5EF4-FFF2-40B4-BE49-F238E27FC236}">
              <a16:creationId xmlns:a16="http://schemas.microsoft.com/office/drawing/2014/main" id="{00000000-0008-0000-0500-00002D000000}"/>
            </a:ext>
          </a:extLst>
        </xdr:cNvPr>
        <xdr:cNvSpPr txBox="1"/>
      </xdr:nvSpPr>
      <xdr:spPr>
        <a:xfrm>
          <a:off x="5740400" y="193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7195</xdr:rowOff>
    </xdr:from>
    <xdr:to>
      <xdr:col>30</xdr:col>
      <xdr:colOff>25400</xdr:colOff>
      <xdr:row>12</xdr:row>
      <xdr:rowOff>8719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5562600" y="21922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73191</xdr:rowOff>
    </xdr:from>
    <xdr:to>
      <xdr:col>29</xdr:col>
      <xdr:colOff>127000</xdr:colOff>
      <xdr:row>17</xdr:row>
      <xdr:rowOff>8340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003800" y="3035466"/>
          <a:ext cx="647700" cy="102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85159</xdr:rowOff>
    </xdr:from>
    <xdr:ext cx="762000" cy="259045"/>
    <xdr:sp macro="" textlink="">
      <xdr:nvSpPr>
        <xdr:cNvPr id="48" name="人口1人当たり決算額の推移平均値テキスト130">
          <a:extLst>
            <a:ext uri="{FF2B5EF4-FFF2-40B4-BE49-F238E27FC236}">
              <a16:creationId xmlns:a16="http://schemas.microsoft.com/office/drawing/2014/main" id="{00000000-0008-0000-0500-000030000000}"/>
            </a:ext>
          </a:extLst>
        </xdr:cNvPr>
        <xdr:cNvSpPr txBox="1"/>
      </xdr:nvSpPr>
      <xdr:spPr>
        <a:xfrm>
          <a:off x="5740400" y="27045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68632</xdr:rowOff>
    </xdr:from>
    <xdr:to>
      <xdr:col>29</xdr:col>
      <xdr:colOff>177800</xdr:colOff>
      <xdr:row>16</xdr:row>
      <xdr:rowOff>170232</xdr:rowOff>
    </xdr:to>
    <xdr:sp macro="" textlink="">
      <xdr:nvSpPr>
        <xdr:cNvPr id="49" name="フローチャート: 判断 48">
          <a:extLst>
            <a:ext uri="{FF2B5EF4-FFF2-40B4-BE49-F238E27FC236}">
              <a16:creationId xmlns:a16="http://schemas.microsoft.com/office/drawing/2014/main" id="{00000000-0008-0000-0500-000031000000}"/>
            </a:ext>
          </a:extLst>
        </xdr:cNvPr>
        <xdr:cNvSpPr/>
      </xdr:nvSpPr>
      <xdr:spPr bwMode="auto">
        <a:xfrm>
          <a:off x="5600700" y="28594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3409</xdr:rowOff>
    </xdr:from>
    <xdr:to>
      <xdr:col>26</xdr:col>
      <xdr:colOff>50800</xdr:colOff>
      <xdr:row>17</xdr:row>
      <xdr:rowOff>9414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4305300" y="3045684"/>
          <a:ext cx="698500" cy="107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77744</xdr:rowOff>
    </xdr:from>
    <xdr:to>
      <xdr:col>26</xdr:col>
      <xdr:colOff>101600</xdr:colOff>
      <xdr:row>17</xdr:row>
      <xdr:rowOff>7894</xdr:rowOff>
    </xdr:to>
    <xdr:sp macro="" textlink="">
      <xdr:nvSpPr>
        <xdr:cNvPr id="51" name="フローチャート: 判断 50">
          <a:extLst>
            <a:ext uri="{FF2B5EF4-FFF2-40B4-BE49-F238E27FC236}">
              <a16:creationId xmlns:a16="http://schemas.microsoft.com/office/drawing/2014/main" id="{00000000-0008-0000-0500-000033000000}"/>
            </a:ext>
          </a:extLst>
        </xdr:cNvPr>
        <xdr:cNvSpPr/>
      </xdr:nvSpPr>
      <xdr:spPr bwMode="auto">
        <a:xfrm>
          <a:off x="4953000" y="28685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8071</xdr:rowOff>
    </xdr:from>
    <xdr:ext cx="736600" cy="259045"/>
    <xdr:sp macro="" textlink="">
      <xdr:nvSpPr>
        <xdr:cNvPr id="52" name="テキスト ボックス 51">
          <a:extLst>
            <a:ext uri="{FF2B5EF4-FFF2-40B4-BE49-F238E27FC236}">
              <a16:creationId xmlns:a16="http://schemas.microsoft.com/office/drawing/2014/main" id="{00000000-0008-0000-0500-000034000000}"/>
            </a:ext>
          </a:extLst>
        </xdr:cNvPr>
        <xdr:cNvSpPr txBox="1"/>
      </xdr:nvSpPr>
      <xdr:spPr>
        <a:xfrm>
          <a:off x="4622800" y="2637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4149</xdr:rowOff>
    </xdr:from>
    <xdr:to>
      <xdr:col>22</xdr:col>
      <xdr:colOff>114300</xdr:colOff>
      <xdr:row>17</xdr:row>
      <xdr:rowOff>9699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3606800" y="3056424"/>
          <a:ext cx="698500" cy="28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84936</xdr:rowOff>
    </xdr:from>
    <xdr:to>
      <xdr:col>22</xdr:col>
      <xdr:colOff>165100</xdr:colOff>
      <xdr:row>17</xdr:row>
      <xdr:rowOff>1508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254500" y="28757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25263</xdr:rowOff>
    </xdr:from>
    <xdr:ext cx="7620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3924300" y="2644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96993</xdr:rowOff>
    </xdr:from>
    <xdr:to>
      <xdr:col>18</xdr:col>
      <xdr:colOff>177800</xdr:colOff>
      <xdr:row>17</xdr:row>
      <xdr:rowOff>100376</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2908300" y="3059268"/>
          <a:ext cx="698500" cy="33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10525</xdr:rowOff>
    </xdr:from>
    <xdr:to>
      <xdr:col>19</xdr:col>
      <xdr:colOff>38100</xdr:colOff>
      <xdr:row>17</xdr:row>
      <xdr:rowOff>4067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3556000" y="2901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5085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225800" y="267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24154</xdr:rowOff>
    </xdr:from>
    <xdr:to>
      <xdr:col>15</xdr:col>
      <xdr:colOff>101600</xdr:colOff>
      <xdr:row>17</xdr:row>
      <xdr:rowOff>5430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2857500" y="29149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6448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2527300" y="2683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2391</xdr:rowOff>
    </xdr:from>
    <xdr:to>
      <xdr:col>29</xdr:col>
      <xdr:colOff>177800</xdr:colOff>
      <xdr:row>17</xdr:row>
      <xdr:rowOff>123991</xdr:rowOff>
    </xdr:to>
    <xdr:sp macro="" textlink="">
      <xdr:nvSpPr>
        <xdr:cNvPr id="66" name="楕円 65">
          <a:extLst>
            <a:ext uri="{FF2B5EF4-FFF2-40B4-BE49-F238E27FC236}">
              <a16:creationId xmlns:a16="http://schemas.microsoft.com/office/drawing/2014/main" id="{00000000-0008-0000-0500-000042000000}"/>
            </a:ext>
          </a:extLst>
        </xdr:cNvPr>
        <xdr:cNvSpPr/>
      </xdr:nvSpPr>
      <xdr:spPr bwMode="auto">
        <a:xfrm>
          <a:off x="5600700" y="29846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2418</xdr:rowOff>
    </xdr:from>
    <xdr:ext cx="762000" cy="259045"/>
    <xdr:sp macro="" textlink="">
      <xdr:nvSpPr>
        <xdr:cNvPr id="67" name="人口1人当たり決算額の推移該当値テキスト130">
          <a:extLst>
            <a:ext uri="{FF2B5EF4-FFF2-40B4-BE49-F238E27FC236}">
              <a16:creationId xmlns:a16="http://schemas.microsoft.com/office/drawing/2014/main" id="{00000000-0008-0000-0500-000043000000}"/>
            </a:ext>
          </a:extLst>
        </xdr:cNvPr>
        <xdr:cNvSpPr txBox="1"/>
      </xdr:nvSpPr>
      <xdr:spPr>
        <a:xfrm>
          <a:off x="5740400" y="2893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2609</xdr:rowOff>
    </xdr:from>
    <xdr:to>
      <xdr:col>26</xdr:col>
      <xdr:colOff>101600</xdr:colOff>
      <xdr:row>17</xdr:row>
      <xdr:rowOff>134209</xdr:rowOff>
    </xdr:to>
    <xdr:sp macro="" textlink="">
      <xdr:nvSpPr>
        <xdr:cNvPr id="68" name="楕円 67">
          <a:extLst>
            <a:ext uri="{FF2B5EF4-FFF2-40B4-BE49-F238E27FC236}">
              <a16:creationId xmlns:a16="http://schemas.microsoft.com/office/drawing/2014/main" id="{00000000-0008-0000-0500-000044000000}"/>
            </a:ext>
          </a:extLst>
        </xdr:cNvPr>
        <xdr:cNvSpPr/>
      </xdr:nvSpPr>
      <xdr:spPr bwMode="auto">
        <a:xfrm>
          <a:off x="4953000" y="29948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18986</xdr:rowOff>
    </xdr:from>
    <xdr:ext cx="7366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622800" y="30812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3349</xdr:rowOff>
    </xdr:from>
    <xdr:to>
      <xdr:col>22</xdr:col>
      <xdr:colOff>165100</xdr:colOff>
      <xdr:row>17</xdr:row>
      <xdr:rowOff>144949</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4254500" y="30056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29726</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924300" y="309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46193</xdr:rowOff>
    </xdr:from>
    <xdr:to>
      <xdr:col>19</xdr:col>
      <xdr:colOff>38100</xdr:colOff>
      <xdr:row>17</xdr:row>
      <xdr:rowOff>147793</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3556000" y="3008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2570</xdr:rowOff>
    </xdr:from>
    <xdr:ext cx="7620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3225800" y="3094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9576</xdr:rowOff>
    </xdr:from>
    <xdr:to>
      <xdr:col>15</xdr:col>
      <xdr:colOff>101600</xdr:colOff>
      <xdr:row>17</xdr:row>
      <xdr:rowOff>151176</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2857500" y="30118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35953</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2527300" y="3098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6" name="正方形/長方形 75">
          <a:extLst>
            <a:ext uri="{FF2B5EF4-FFF2-40B4-BE49-F238E27FC236}">
              <a16:creationId xmlns:a16="http://schemas.microsoft.com/office/drawing/2014/main" id="{00000000-0008-0000-0500-00004C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7" name="角丸四角形 76">
          <a:extLst>
            <a:ext uri="{FF2B5EF4-FFF2-40B4-BE49-F238E27FC236}">
              <a16:creationId xmlns:a16="http://schemas.microsoft.com/office/drawing/2014/main" id="{00000000-0008-0000-0500-00004D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8" name="正方形/長方形 77">
          <a:extLst>
            <a:ext uri="{FF2B5EF4-FFF2-40B4-BE49-F238E27FC236}">
              <a16:creationId xmlns:a16="http://schemas.microsoft.com/office/drawing/2014/main" id="{00000000-0008-0000-0500-00004E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1" name="直線コネクタ 80">
          <a:extLst>
            <a:ext uri="{FF2B5EF4-FFF2-40B4-BE49-F238E27FC236}">
              <a16:creationId xmlns:a16="http://schemas.microsoft.com/office/drawing/2014/main" id="{00000000-0008-0000-0500-000051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6" name="楕円 85">
          <a:extLst>
            <a:ext uri="{FF2B5EF4-FFF2-40B4-BE49-F238E27FC236}">
              <a16:creationId xmlns:a16="http://schemas.microsoft.com/office/drawing/2014/main" id="{00000000-0008-0000-0500-000056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7" name="フローチャート: 判断 86">
          <a:extLst>
            <a:ext uri="{FF2B5EF4-FFF2-40B4-BE49-F238E27FC236}">
              <a16:creationId xmlns:a16="http://schemas.microsoft.com/office/drawing/2014/main" id="{00000000-0008-0000-0500-000057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8" name="正方形/長方形 87">
          <a:extLst>
            <a:ext uri="{FF2B5EF4-FFF2-40B4-BE49-F238E27FC236}">
              <a16:creationId xmlns:a16="http://schemas.microsoft.com/office/drawing/2014/main" id="{00000000-0008-0000-0500-000058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9" name="テキスト ボックス 88">
          <a:extLst>
            <a:ext uri="{FF2B5EF4-FFF2-40B4-BE49-F238E27FC236}">
              <a16:creationId xmlns:a16="http://schemas.microsoft.com/office/drawing/2014/main" id="{00000000-0008-0000-0500-000059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a:extLst>
            <a:ext uri="{FF2B5EF4-FFF2-40B4-BE49-F238E27FC236}">
              <a16:creationId xmlns:a16="http://schemas.microsoft.com/office/drawing/2014/main" id="{00000000-0008-0000-0500-000066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20009</xdr:rowOff>
    </xdr:from>
    <xdr:to>
      <xdr:col>29</xdr:col>
      <xdr:colOff>127000</xdr:colOff>
      <xdr:row>37</xdr:row>
      <xdr:rowOff>179921</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flipV="1">
          <a:off x="5651500" y="6044559"/>
          <a:ext cx="0" cy="12600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1998</xdr:rowOff>
    </xdr:from>
    <xdr:ext cx="762000" cy="259045"/>
    <xdr:sp macro="" textlink="">
      <xdr:nvSpPr>
        <xdr:cNvPr id="104" name="人口1人当たり決算額の推移最小値テキスト445">
          <a:extLst>
            <a:ext uri="{FF2B5EF4-FFF2-40B4-BE49-F238E27FC236}">
              <a16:creationId xmlns:a16="http://schemas.microsoft.com/office/drawing/2014/main" id="{00000000-0008-0000-0500-000068000000}"/>
            </a:ext>
          </a:extLst>
        </xdr:cNvPr>
        <xdr:cNvSpPr txBox="1"/>
      </xdr:nvSpPr>
      <xdr:spPr>
        <a:xfrm>
          <a:off x="5740400" y="72766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9921</xdr:rowOff>
    </xdr:from>
    <xdr:to>
      <xdr:col>30</xdr:col>
      <xdr:colOff>25400</xdr:colOff>
      <xdr:row>37</xdr:row>
      <xdr:rowOff>179921</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5562600" y="73046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4936</xdr:rowOff>
    </xdr:from>
    <xdr:ext cx="762000" cy="259045"/>
    <xdr:sp macro="" textlink="">
      <xdr:nvSpPr>
        <xdr:cNvPr id="106" name="人口1人当たり決算額の推移最大値テキスト445">
          <a:extLst>
            <a:ext uri="{FF2B5EF4-FFF2-40B4-BE49-F238E27FC236}">
              <a16:creationId xmlns:a16="http://schemas.microsoft.com/office/drawing/2014/main" id="{00000000-0008-0000-0500-00006A000000}"/>
            </a:ext>
          </a:extLst>
        </xdr:cNvPr>
        <xdr:cNvSpPr txBox="1"/>
      </xdr:nvSpPr>
      <xdr:spPr>
        <a:xfrm>
          <a:off x="5740400" y="5788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20009</xdr:rowOff>
    </xdr:from>
    <xdr:to>
      <xdr:col>30</xdr:col>
      <xdr:colOff>25400</xdr:colOff>
      <xdr:row>33</xdr:row>
      <xdr:rowOff>120009</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60445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23907</xdr:rowOff>
    </xdr:from>
    <xdr:to>
      <xdr:col>29</xdr:col>
      <xdr:colOff>127000</xdr:colOff>
      <xdr:row>35</xdr:row>
      <xdr:rowOff>261207</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003800" y="6834257"/>
          <a:ext cx="647700" cy="373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195254</xdr:rowOff>
    </xdr:from>
    <xdr:ext cx="762000" cy="259045"/>
    <xdr:sp macro="" textlink="">
      <xdr:nvSpPr>
        <xdr:cNvPr id="109" name="人口1人当たり決算額の推移平均値テキスト445">
          <a:extLst>
            <a:ext uri="{FF2B5EF4-FFF2-40B4-BE49-F238E27FC236}">
              <a16:creationId xmlns:a16="http://schemas.microsoft.com/office/drawing/2014/main" id="{00000000-0008-0000-0500-00006D000000}"/>
            </a:ext>
          </a:extLst>
        </xdr:cNvPr>
        <xdr:cNvSpPr txBox="1"/>
      </xdr:nvSpPr>
      <xdr:spPr>
        <a:xfrm>
          <a:off x="5740400" y="64627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7277</xdr:rowOff>
    </xdr:from>
    <xdr:to>
      <xdr:col>29</xdr:col>
      <xdr:colOff>177800</xdr:colOff>
      <xdr:row>35</xdr:row>
      <xdr:rowOff>108877</xdr:rowOff>
    </xdr:to>
    <xdr:sp macro="" textlink="">
      <xdr:nvSpPr>
        <xdr:cNvPr id="110" name="フローチャート: 判断 109">
          <a:extLst>
            <a:ext uri="{FF2B5EF4-FFF2-40B4-BE49-F238E27FC236}">
              <a16:creationId xmlns:a16="http://schemas.microsoft.com/office/drawing/2014/main" id="{00000000-0008-0000-0500-00006E000000}"/>
            </a:ext>
          </a:extLst>
        </xdr:cNvPr>
        <xdr:cNvSpPr/>
      </xdr:nvSpPr>
      <xdr:spPr bwMode="auto">
        <a:xfrm>
          <a:off x="5600700" y="661762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61207</xdr:rowOff>
    </xdr:from>
    <xdr:to>
      <xdr:col>26</xdr:col>
      <xdr:colOff>50800</xdr:colOff>
      <xdr:row>35</xdr:row>
      <xdr:rowOff>283152</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4305300" y="6871557"/>
          <a:ext cx="698500" cy="219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3699</xdr:rowOff>
    </xdr:from>
    <xdr:to>
      <xdr:col>26</xdr:col>
      <xdr:colOff>101600</xdr:colOff>
      <xdr:row>35</xdr:row>
      <xdr:rowOff>135299</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4953000" y="66440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5476</xdr:rowOff>
    </xdr:from>
    <xdr:ext cx="736600" cy="259045"/>
    <xdr:sp macro="" textlink="">
      <xdr:nvSpPr>
        <xdr:cNvPr id="113" name="テキスト ボックス 112">
          <a:extLst>
            <a:ext uri="{FF2B5EF4-FFF2-40B4-BE49-F238E27FC236}">
              <a16:creationId xmlns:a16="http://schemas.microsoft.com/office/drawing/2014/main" id="{00000000-0008-0000-0500-000071000000}"/>
            </a:ext>
          </a:extLst>
        </xdr:cNvPr>
        <xdr:cNvSpPr txBox="1"/>
      </xdr:nvSpPr>
      <xdr:spPr>
        <a:xfrm>
          <a:off x="4622800" y="6412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83152</xdr:rowOff>
    </xdr:from>
    <xdr:to>
      <xdr:col>22</xdr:col>
      <xdr:colOff>114300</xdr:colOff>
      <xdr:row>35</xdr:row>
      <xdr:rowOff>335579</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3606800" y="6893502"/>
          <a:ext cx="698500" cy="524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79439</xdr:rowOff>
    </xdr:from>
    <xdr:to>
      <xdr:col>22</xdr:col>
      <xdr:colOff>165100</xdr:colOff>
      <xdr:row>35</xdr:row>
      <xdr:rowOff>181039</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254500" y="66897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91216</xdr:rowOff>
    </xdr:from>
    <xdr:ext cx="7620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3924300" y="6458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35579</xdr:rowOff>
    </xdr:from>
    <xdr:to>
      <xdr:col>18</xdr:col>
      <xdr:colOff>177800</xdr:colOff>
      <xdr:row>35</xdr:row>
      <xdr:rowOff>336836</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flipV="1">
          <a:off x="2908300" y="6945929"/>
          <a:ext cx="698500" cy="12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91421</xdr:rowOff>
    </xdr:from>
    <xdr:to>
      <xdr:col>19</xdr:col>
      <xdr:colOff>38100</xdr:colOff>
      <xdr:row>35</xdr:row>
      <xdr:rowOff>193021</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3556000" y="6701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3198</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225800" y="6470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0261</xdr:rowOff>
    </xdr:from>
    <xdr:to>
      <xdr:col>15</xdr:col>
      <xdr:colOff>101600</xdr:colOff>
      <xdr:row>35</xdr:row>
      <xdr:rowOff>211861</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28575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22038</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2527300" y="648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73107</xdr:rowOff>
    </xdr:from>
    <xdr:to>
      <xdr:col>29</xdr:col>
      <xdr:colOff>177800</xdr:colOff>
      <xdr:row>35</xdr:row>
      <xdr:rowOff>274707</xdr:rowOff>
    </xdr:to>
    <xdr:sp macro="" textlink="">
      <xdr:nvSpPr>
        <xdr:cNvPr id="127" name="楕円 126">
          <a:extLst>
            <a:ext uri="{FF2B5EF4-FFF2-40B4-BE49-F238E27FC236}">
              <a16:creationId xmlns:a16="http://schemas.microsoft.com/office/drawing/2014/main" id="{00000000-0008-0000-0500-00007F000000}"/>
            </a:ext>
          </a:extLst>
        </xdr:cNvPr>
        <xdr:cNvSpPr/>
      </xdr:nvSpPr>
      <xdr:spPr bwMode="auto">
        <a:xfrm>
          <a:off x="5600700" y="67834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45184</xdr:rowOff>
    </xdr:from>
    <xdr:ext cx="762000" cy="259045"/>
    <xdr:sp macro="" textlink="">
      <xdr:nvSpPr>
        <xdr:cNvPr id="128" name="人口1人当たり決算額の推移該当値テキスト445">
          <a:extLst>
            <a:ext uri="{FF2B5EF4-FFF2-40B4-BE49-F238E27FC236}">
              <a16:creationId xmlns:a16="http://schemas.microsoft.com/office/drawing/2014/main" id="{00000000-0008-0000-0500-000080000000}"/>
            </a:ext>
          </a:extLst>
        </xdr:cNvPr>
        <xdr:cNvSpPr txBox="1"/>
      </xdr:nvSpPr>
      <xdr:spPr>
        <a:xfrm>
          <a:off x="5740400" y="675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10407</xdr:rowOff>
    </xdr:from>
    <xdr:to>
      <xdr:col>26</xdr:col>
      <xdr:colOff>101600</xdr:colOff>
      <xdr:row>35</xdr:row>
      <xdr:rowOff>312007</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4953000" y="68207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96784</xdr:rowOff>
    </xdr:from>
    <xdr:ext cx="7366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622800" y="6907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32352</xdr:rowOff>
    </xdr:from>
    <xdr:to>
      <xdr:col>22</xdr:col>
      <xdr:colOff>165100</xdr:colOff>
      <xdr:row>35</xdr:row>
      <xdr:rowOff>333952</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254500" y="6842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18729</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924300" y="6929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4779</xdr:rowOff>
    </xdr:from>
    <xdr:to>
      <xdr:col>19</xdr:col>
      <xdr:colOff>38100</xdr:colOff>
      <xdr:row>36</xdr:row>
      <xdr:rowOff>43479</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3556000" y="68951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8256</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225800" y="6981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86036</xdr:rowOff>
    </xdr:from>
    <xdr:to>
      <xdr:col>15</xdr:col>
      <xdr:colOff>101600</xdr:colOff>
      <xdr:row>36</xdr:row>
      <xdr:rowOff>44736</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2857500" y="6896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29513</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2527300" y="698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2634</xdr:rowOff>
    </xdr:from>
    <xdr:to>
      <xdr:col>24</xdr:col>
      <xdr:colOff>62865</xdr:colOff>
      <xdr:row>37</xdr:row>
      <xdr:rowOff>48443</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37584"/>
          <a:ext cx="1270" cy="1054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2270</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8443</xdr:rowOff>
    </xdr:from>
    <xdr:to>
      <xdr:col>24</xdr:col>
      <xdr:colOff>152400</xdr:colOff>
      <xdr:row>37</xdr:row>
      <xdr:rowOff>48443</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2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0761</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12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22634</xdr:rowOff>
    </xdr:from>
    <xdr:to>
      <xdr:col>24</xdr:col>
      <xdr:colOff>152400</xdr:colOff>
      <xdr:row>31</xdr:row>
      <xdr:rowOff>2263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37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9974</xdr:rowOff>
    </xdr:from>
    <xdr:to>
      <xdr:col>24</xdr:col>
      <xdr:colOff>63500</xdr:colOff>
      <xdr:row>36</xdr:row>
      <xdr:rowOff>63535</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6222174"/>
          <a:ext cx="838200" cy="13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28890</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5958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6013</xdr:rowOff>
    </xdr:from>
    <xdr:to>
      <xdr:col>24</xdr:col>
      <xdr:colOff>114300</xdr:colOff>
      <xdr:row>36</xdr:row>
      <xdr:rowOff>36163</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06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63535</xdr:rowOff>
    </xdr:from>
    <xdr:to>
      <xdr:col>19</xdr:col>
      <xdr:colOff>177800</xdr:colOff>
      <xdr:row>36</xdr:row>
      <xdr:rowOff>6932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6235735"/>
          <a:ext cx="889000" cy="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4380</xdr:rowOff>
    </xdr:from>
    <xdr:to>
      <xdr:col>20</xdr:col>
      <xdr:colOff>38100</xdr:colOff>
      <xdr:row>36</xdr:row>
      <xdr:rowOff>44530</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61057</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58903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9328</xdr:rowOff>
    </xdr:from>
    <xdr:to>
      <xdr:col>15</xdr:col>
      <xdr:colOff>50800</xdr:colOff>
      <xdr:row>36</xdr:row>
      <xdr:rowOff>10518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6241528"/>
          <a:ext cx="889000" cy="35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20945</xdr:rowOff>
    </xdr:from>
    <xdr:to>
      <xdr:col>15</xdr:col>
      <xdr:colOff>101600</xdr:colOff>
      <xdr:row>36</xdr:row>
      <xdr:rowOff>51095</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67622</xdr:rowOff>
    </xdr:from>
    <xdr:ext cx="599010"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08795" y="5896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5186</xdr:rowOff>
    </xdr:from>
    <xdr:to>
      <xdr:col>10</xdr:col>
      <xdr:colOff>114300</xdr:colOff>
      <xdr:row>36</xdr:row>
      <xdr:rowOff>113361</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130300" y="62773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804</xdr:rowOff>
    </xdr:from>
    <xdr:to>
      <xdr:col>10</xdr:col>
      <xdr:colOff>165100</xdr:colOff>
      <xdr:row>36</xdr:row>
      <xdr:rowOff>111404</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7931</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0526</xdr:rowOff>
    </xdr:from>
    <xdr:to>
      <xdr:col>6</xdr:col>
      <xdr:colOff>38100</xdr:colOff>
      <xdr:row>36</xdr:row>
      <xdr:rowOff>122126</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8653</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0624</xdr:rowOff>
    </xdr:from>
    <xdr:to>
      <xdr:col>24</xdr:col>
      <xdr:colOff>114300</xdr:colOff>
      <xdr:row>36</xdr:row>
      <xdr:rowOff>100774</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6171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49051</xdr:rowOff>
    </xdr:from>
    <xdr:ext cx="534377"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6149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2735</xdr:rowOff>
    </xdr:from>
    <xdr:to>
      <xdr:col>20</xdr:col>
      <xdr:colOff>38100</xdr:colOff>
      <xdr:row>36</xdr:row>
      <xdr:rowOff>114335</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618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5462</xdr:rowOff>
    </xdr:from>
    <xdr:ext cx="534377"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530111" y="6277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8528</xdr:rowOff>
    </xdr:from>
    <xdr:to>
      <xdr:col>15</xdr:col>
      <xdr:colOff>101600</xdr:colOff>
      <xdr:row>36</xdr:row>
      <xdr:rowOff>120128</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619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1255</xdr:rowOff>
    </xdr:from>
    <xdr:ext cx="534377"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41111" y="6283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386</xdr:rowOff>
    </xdr:from>
    <xdr:to>
      <xdr:col>10</xdr:col>
      <xdr:colOff>165100</xdr:colOff>
      <xdr:row>36</xdr:row>
      <xdr:rowOff>155986</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62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7113</xdr:rowOff>
    </xdr:from>
    <xdr:ext cx="534377"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52111" y="631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2561</xdr:rowOff>
    </xdr:from>
    <xdr:to>
      <xdr:col>6</xdr:col>
      <xdr:colOff>38100</xdr:colOff>
      <xdr:row>36</xdr:row>
      <xdr:rowOff>164161</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623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55288</xdr:rowOff>
    </xdr:from>
    <xdr:ext cx="534377"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63111" y="632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852</xdr:rowOff>
    </xdr:from>
    <xdr:to>
      <xdr:col>24</xdr:col>
      <xdr:colOff>62865</xdr:colOff>
      <xdr:row>57</xdr:row>
      <xdr:rowOff>56403</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flipV="1">
          <a:off x="4633595" y="8823802"/>
          <a:ext cx="1270" cy="100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0230</xdr:rowOff>
    </xdr:from>
    <xdr:ext cx="534377" cy="259045"/>
    <xdr:sp macro="" textlink="">
      <xdr:nvSpPr>
        <xdr:cNvPr id="109" name="物件費最小値テキスト">
          <a:extLst>
            <a:ext uri="{FF2B5EF4-FFF2-40B4-BE49-F238E27FC236}">
              <a16:creationId xmlns:a16="http://schemas.microsoft.com/office/drawing/2014/main" id="{00000000-0008-0000-0600-00006D000000}"/>
            </a:ext>
          </a:extLst>
        </xdr:cNvPr>
        <xdr:cNvSpPr txBox="1"/>
      </xdr:nvSpPr>
      <xdr:spPr>
        <a:xfrm>
          <a:off x="4686300" y="9832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6403</xdr:rowOff>
    </xdr:from>
    <xdr:to>
      <xdr:col>24</xdr:col>
      <xdr:colOff>152400</xdr:colOff>
      <xdr:row>57</xdr:row>
      <xdr:rowOff>56403</xdr:rowOff>
    </xdr:to>
    <xdr:cxnSp macro="">
      <xdr:nvCxnSpPr>
        <xdr:cNvPr id="110" name="直線コネクタ 109">
          <a:extLst>
            <a:ext uri="{FF2B5EF4-FFF2-40B4-BE49-F238E27FC236}">
              <a16:creationId xmlns:a16="http://schemas.microsoft.com/office/drawing/2014/main" id="{00000000-0008-0000-0600-00006E000000}"/>
            </a:ext>
          </a:extLst>
        </xdr:cNvPr>
        <xdr:cNvCxnSpPr/>
      </xdr:nvCxnSpPr>
      <xdr:spPr>
        <a:xfrm>
          <a:off x="4546600" y="9829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6529</xdr:rowOff>
    </xdr:from>
    <xdr:ext cx="599010" cy="259045"/>
    <xdr:sp macro="" textlink="">
      <xdr:nvSpPr>
        <xdr:cNvPr id="111" name="物件費最大値テキスト">
          <a:extLst>
            <a:ext uri="{FF2B5EF4-FFF2-40B4-BE49-F238E27FC236}">
              <a16:creationId xmlns:a16="http://schemas.microsoft.com/office/drawing/2014/main" id="{00000000-0008-0000-0600-00006F000000}"/>
            </a:ext>
          </a:extLst>
        </xdr:cNvPr>
        <xdr:cNvSpPr txBox="1"/>
      </xdr:nvSpPr>
      <xdr:spPr>
        <a:xfrm>
          <a:off x="4686300" y="85990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9852</xdr:rowOff>
    </xdr:from>
    <xdr:to>
      <xdr:col>24</xdr:col>
      <xdr:colOff>152400</xdr:colOff>
      <xdr:row>51</xdr:row>
      <xdr:rowOff>79852</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a:off x="4546600" y="88238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61737</xdr:rowOff>
    </xdr:from>
    <xdr:to>
      <xdr:col>24</xdr:col>
      <xdr:colOff>63500</xdr:colOff>
      <xdr:row>57</xdr:row>
      <xdr:rowOff>35</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flipV="1">
          <a:off x="3797300" y="9762937"/>
          <a:ext cx="838200" cy="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48115</xdr:rowOff>
    </xdr:from>
    <xdr:ext cx="599010" cy="259045"/>
    <xdr:sp macro="" textlink="">
      <xdr:nvSpPr>
        <xdr:cNvPr id="114" name="物件費平均値テキスト">
          <a:extLst>
            <a:ext uri="{FF2B5EF4-FFF2-40B4-BE49-F238E27FC236}">
              <a16:creationId xmlns:a16="http://schemas.microsoft.com/office/drawing/2014/main" id="{00000000-0008-0000-0600-000072000000}"/>
            </a:ext>
          </a:extLst>
        </xdr:cNvPr>
        <xdr:cNvSpPr txBox="1"/>
      </xdr:nvSpPr>
      <xdr:spPr>
        <a:xfrm>
          <a:off x="4686300" y="94064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5238</xdr:rowOff>
    </xdr:from>
    <xdr:to>
      <xdr:col>24</xdr:col>
      <xdr:colOff>114300</xdr:colOff>
      <xdr:row>56</xdr:row>
      <xdr:rowOff>55388</xdr:rowOff>
    </xdr:to>
    <xdr:sp macro="" textlink="">
      <xdr:nvSpPr>
        <xdr:cNvPr id="115" name="フローチャート: 判断 114">
          <a:extLst>
            <a:ext uri="{FF2B5EF4-FFF2-40B4-BE49-F238E27FC236}">
              <a16:creationId xmlns:a16="http://schemas.microsoft.com/office/drawing/2014/main" id="{00000000-0008-0000-0600-000073000000}"/>
            </a:ext>
          </a:extLst>
        </xdr:cNvPr>
        <xdr:cNvSpPr/>
      </xdr:nvSpPr>
      <xdr:spPr>
        <a:xfrm>
          <a:off x="4584700" y="955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5</xdr:rowOff>
    </xdr:from>
    <xdr:to>
      <xdr:col>19</xdr:col>
      <xdr:colOff>177800</xdr:colOff>
      <xdr:row>57</xdr:row>
      <xdr:rowOff>14135</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2908300" y="9772685"/>
          <a:ext cx="889000" cy="14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4429</xdr:rowOff>
    </xdr:from>
    <xdr:to>
      <xdr:col>20</xdr:col>
      <xdr:colOff>38100</xdr:colOff>
      <xdr:row>56</xdr:row>
      <xdr:rowOff>94579</xdr:rowOff>
    </xdr:to>
    <xdr:sp macro="" textlink="">
      <xdr:nvSpPr>
        <xdr:cNvPr id="117" name="フローチャート: 判断 116">
          <a:extLst>
            <a:ext uri="{FF2B5EF4-FFF2-40B4-BE49-F238E27FC236}">
              <a16:creationId xmlns:a16="http://schemas.microsoft.com/office/drawing/2014/main" id="{00000000-0008-0000-0600-000075000000}"/>
            </a:ext>
          </a:extLst>
        </xdr:cNvPr>
        <xdr:cNvSpPr/>
      </xdr:nvSpPr>
      <xdr:spPr>
        <a:xfrm>
          <a:off x="3746500" y="959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1106</xdr:rowOff>
    </xdr:from>
    <xdr:ext cx="534377"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3530111" y="9369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403</xdr:rowOff>
    </xdr:from>
    <xdr:to>
      <xdr:col>15</xdr:col>
      <xdr:colOff>50800</xdr:colOff>
      <xdr:row>57</xdr:row>
      <xdr:rowOff>14135</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2019300" y="9779053"/>
          <a:ext cx="889000" cy="7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68073</xdr:rowOff>
    </xdr:from>
    <xdr:to>
      <xdr:col>15</xdr:col>
      <xdr:colOff>101600</xdr:colOff>
      <xdr:row>56</xdr:row>
      <xdr:rowOff>98223</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28575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14750</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2641111" y="937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68810</xdr:rowOff>
    </xdr:from>
    <xdr:to>
      <xdr:col>10</xdr:col>
      <xdr:colOff>114300</xdr:colOff>
      <xdr:row>57</xdr:row>
      <xdr:rowOff>6403</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1130300" y="9770010"/>
          <a:ext cx="889000" cy="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1983</xdr:rowOff>
    </xdr:from>
    <xdr:to>
      <xdr:col>10</xdr:col>
      <xdr:colOff>165100</xdr:colOff>
      <xdr:row>56</xdr:row>
      <xdr:rowOff>92133</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1968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8660</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1752111" y="936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86</xdr:rowOff>
    </xdr:from>
    <xdr:to>
      <xdr:col>6</xdr:col>
      <xdr:colOff>38100</xdr:colOff>
      <xdr:row>56</xdr:row>
      <xdr:rowOff>116886</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1079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33413</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863111" y="939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10937</xdr:rowOff>
    </xdr:from>
    <xdr:to>
      <xdr:col>24</xdr:col>
      <xdr:colOff>114300</xdr:colOff>
      <xdr:row>57</xdr:row>
      <xdr:rowOff>41087</xdr:rowOff>
    </xdr:to>
    <xdr:sp macro="" textlink="">
      <xdr:nvSpPr>
        <xdr:cNvPr id="132" name="楕円 131">
          <a:extLst>
            <a:ext uri="{FF2B5EF4-FFF2-40B4-BE49-F238E27FC236}">
              <a16:creationId xmlns:a16="http://schemas.microsoft.com/office/drawing/2014/main" id="{00000000-0008-0000-0600-000084000000}"/>
            </a:ext>
          </a:extLst>
        </xdr:cNvPr>
        <xdr:cNvSpPr/>
      </xdr:nvSpPr>
      <xdr:spPr>
        <a:xfrm>
          <a:off x="4584700" y="9712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5864</xdr:rowOff>
    </xdr:from>
    <xdr:ext cx="534377" cy="259045"/>
    <xdr:sp macro="" textlink="">
      <xdr:nvSpPr>
        <xdr:cNvPr id="133" name="物件費該当値テキスト">
          <a:extLst>
            <a:ext uri="{FF2B5EF4-FFF2-40B4-BE49-F238E27FC236}">
              <a16:creationId xmlns:a16="http://schemas.microsoft.com/office/drawing/2014/main" id="{00000000-0008-0000-0600-000085000000}"/>
            </a:ext>
          </a:extLst>
        </xdr:cNvPr>
        <xdr:cNvSpPr txBox="1"/>
      </xdr:nvSpPr>
      <xdr:spPr>
        <a:xfrm>
          <a:off x="4686300" y="9627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0685</xdr:rowOff>
    </xdr:from>
    <xdr:to>
      <xdr:col>20</xdr:col>
      <xdr:colOff>38100</xdr:colOff>
      <xdr:row>57</xdr:row>
      <xdr:rowOff>50835</xdr:rowOff>
    </xdr:to>
    <xdr:sp macro="" textlink="">
      <xdr:nvSpPr>
        <xdr:cNvPr id="134" name="楕円 133">
          <a:extLst>
            <a:ext uri="{FF2B5EF4-FFF2-40B4-BE49-F238E27FC236}">
              <a16:creationId xmlns:a16="http://schemas.microsoft.com/office/drawing/2014/main" id="{00000000-0008-0000-0600-000086000000}"/>
            </a:ext>
          </a:extLst>
        </xdr:cNvPr>
        <xdr:cNvSpPr/>
      </xdr:nvSpPr>
      <xdr:spPr>
        <a:xfrm>
          <a:off x="3746500" y="9721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1962</xdr:rowOff>
    </xdr:from>
    <xdr:ext cx="534377"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3530111" y="9814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4785</xdr:rowOff>
    </xdr:from>
    <xdr:to>
      <xdr:col>15</xdr:col>
      <xdr:colOff>101600</xdr:colOff>
      <xdr:row>57</xdr:row>
      <xdr:rowOff>64935</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2857500" y="973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56062</xdr:rowOff>
    </xdr:from>
    <xdr:ext cx="534377"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641111" y="9828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27053</xdr:rowOff>
    </xdr:from>
    <xdr:to>
      <xdr:col>10</xdr:col>
      <xdr:colOff>165100</xdr:colOff>
      <xdr:row>57</xdr:row>
      <xdr:rowOff>57203</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1968500" y="972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8330</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1752111" y="982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8010</xdr:rowOff>
    </xdr:from>
    <xdr:to>
      <xdr:col>6</xdr:col>
      <xdr:colOff>38100</xdr:colOff>
      <xdr:row>57</xdr:row>
      <xdr:rowOff>4816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1079500" y="971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928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863111" y="981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1275</xdr:rowOff>
    </xdr:from>
    <xdr:to>
      <xdr:col>24</xdr:col>
      <xdr:colOff>62865</xdr:colOff>
      <xdr:row>79</xdr:row>
      <xdr:rowOff>21628</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264225"/>
          <a:ext cx="1270" cy="13019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455</xdr:rowOff>
    </xdr:from>
    <xdr:ext cx="378565"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570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628</xdr:rowOff>
    </xdr:from>
    <xdr:to>
      <xdr:col>24</xdr:col>
      <xdr:colOff>152400</xdr:colOff>
      <xdr:row>79</xdr:row>
      <xdr:rowOff>21628</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566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37952</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2039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1275</xdr:rowOff>
    </xdr:from>
    <xdr:to>
      <xdr:col>24</xdr:col>
      <xdr:colOff>152400</xdr:colOff>
      <xdr:row>71</xdr:row>
      <xdr:rowOff>91275</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26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2179</xdr:rowOff>
    </xdr:from>
    <xdr:to>
      <xdr:col>24</xdr:col>
      <xdr:colOff>63500</xdr:colOff>
      <xdr:row>78</xdr:row>
      <xdr:rowOff>16736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3797300" y="13535279"/>
          <a:ext cx="838200" cy="5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2042</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31222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9165</xdr:rowOff>
    </xdr:from>
    <xdr:to>
      <xdr:col>24</xdr:col>
      <xdr:colOff>114300</xdr:colOff>
      <xdr:row>77</xdr:row>
      <xdr:rowOff>170765</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27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2179</xdr:rowOff>
    </xdr:from>
    <xdr:to>
      <xdr:col>19</xdr:col>
      <xdr:colOff>177800</xdr:colOff>
      <xdr:row>78</xdr:row>
      <xdr:rowOff>165264</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2908300" y="13535279"/>
          <a:ext cx="8890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5642</xdr:rowOff>
    </xdr:from>
    <xdr:to>
      <xdr:col>20</xdr:col>
      <xdr:colOff>38100</xdr:colOff>
      <xdr:row>78</xdr:row>
      <xdr:rowOff>5792</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2319</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3052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5264</xdr:rowOff>
    </xdr:from>
    <xdr:to>
      <xdr:col>15</xdr:col>
      <xdr:colOff>50800</xdr:colOff>
      <xdr:row>78</xdr:row>
      <xdr:rowOff>170675</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019300" y="13538364"/>
          <a:ext cx="8890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07417</xdr:rowOff>
    </xdr:from>
    <xdr:to>
      <xdr:col>15</xdr:col>
      <xdr:colOff>1016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540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308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69838</xdr:rowOff>
    </xdr:from>
    <xdr:to>
      <xdr:col>10</xdr:col>
      <xdr:colOff>114300</xdr:colOff>
      <xdr:row>78</xdr:row>
      <xdr:rowOff>170675</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1130300" y="13542938"/>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36486</xdr:rowOff>
    </xdr:from>
    <xdr:to>
      <xdr:col>10</xdr:col>
      <xdr:colOff>1651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831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2811</xdr:rowOff>
    </xdr:from>
    <xdr:to>
      <xdr:col>6</xdr:col>
      <xdr:colOff>38100</xdr:colOff>
      <xdr:row>78</xdr:row>
      <xdr:rowOff>7296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8948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6560</xdr:rowOff>
    </xdr:from>
    <xdr:to>
      <xdr:col>24</xdr:col>
      <xdr:colOff>114300</xdr:colOff>
      <xdr:row>79</xdr:row>
      <xdr:rowOff>46710</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3489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31487</xdr:rowOff>
    </xdr:from>
    <xdr:ext cx="469744"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3404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1379</xdr:rowOff>
    </xdr:from>
    <xdr:to>
      <xdr:col>20</xdr:col>
      <xdr:colOff>38100</xdr:colOff>
      <xdr:row>79</xdr:row>
      <xdr:rowOff>41529</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348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32656</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62428" y="13577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4464</xdr:rowOff>
    </xdr:from>
    <xdr:to>
      <xdr:col>15</xdr:col>
      <xdr:colOff>101600</xdr:colOff>
      <xdr:row>79</xdr:row>
      <xdr:rowOff>44614</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348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35741</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73428" y="13580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9875</xdr:rowOff>
    </xdr:from>
    <xdr:to>
      <xdr:col>10</xdr:col>
      <xdr:colOff>165100</xdr:colOff>
      <xdr:row>79</xdr:row>
      <xdr:rowOff>50025</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349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1152</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84428" y="1358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9038</xdr:rowOff>
    </xdr:from>
    <xdr:to>
      <xdr:col>6</xdr:col>
      <xdr:colOff>38100</xdr:colOff>
      <xdr:row>79</xdr:row>
      <xdr:rowOff>4918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349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40315</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95428" y="13584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扶助費グラフ枠">
          <a:extLst>
            <a:ext uri="{FF2B5EF4-FFF2-40B4-BE49-F238E27FC236}">
              <a16:creationId xmlns:a16="http://schemas.microsoft.com/office/drawing/2014/main" id="{00000000-0008-0000-06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6786</xdr:rowOff>
    </xdr:from>
    <xdr:to>
      <xdr:col>24</xdr:col>
      <xdr:colOff>62865</xdr:colOff>
      <xdr:row>98</xdr:row>
      <xdr:rowOff>115174</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flipV="1">
          <a:off x="4633595" y="15577286"/>
          <a:ext cx="1270" cy="1339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19001</xdr:rowOff>
    </xdr:from>
    <xdr:ext cx="534377" cy="259045"/>
    <xdr:sp macro="" textlink="">
      <xdr:nvSpPr>
        <xdr:cNvPr id="226" name="扶助費最小値テキスト">
          <a:extLst>
            <a:ext uri="{FF2B5EF4-FFF2-40B4-BE49-F238E27FC236}">
              <a16:creationId xmlns:a16="http://schemas.microsoft.com/office/drawing/2014/main" id="{00000000-0008-0000-0600-0000E2000000}"/>
            </a:ext>
          </a:extLst>
        </xdr:cNvPr>
        <xdr:cNvSpPr txBox="1"/>
      </xdr:nvSpPr>
      <xdr:spPr>
        <a:xfrm>
          <a:off x="4686300" y="16921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5174</xdr:rowOff>
    </xdr:from>
    <xdr:to>
      <xdr:col>24</xdr:col>
      <xdr:colOff>152400</xdr:colOff>
      <xdr:row>98</xdr:row>
      <xdr:rowOff>115174</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6917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3463</xdr:rowOff>
    </xdr:from>
    <xdr:ext cx="599010" cy="259045"/>
    <xdr:sp macro="" textlink="">
      <xdr:nvSpPr>
        <xdr:cNvPr id="228" name="扶助費最大値テキスト">
          <a:extLst>
            <a:ext uri="{FF2B5EF4-FFF2-40B4-BE49-F238E27FC236}">
              <a16:creationId xmlns:a16="http://schemas.microsoft.com/office/drawing/2014/main" id="{00000000-0008-0000-0600-0000E4000000}"/>
            </a:ext>
          </a:extLst>
        </xdr:cNvPr>
        <xdr:cNvSpPr txBox="1"/>
      </xdr:nvSpPr>
      <xdr:spPr>
        <a:xfrm>
          <a:off x="4686300" y="15352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6786</xdr:rowOff>
    </xdr:from>
    <xdr:to>
      <xdr:col>24</xdr:col>
      <xdr:colOff>152400</xdr:colOff>
      <xdr:row>90</xdr:row>
      <xdr:rowOff>146786</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5577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9197</xdr:rowOff>
    </xdr:from>
    <xdr:to>
      <xdr:col>24</xdr:col>
      <xdr:colOff>63500</xdr:colOff>
      <xdr:row>97</xdr:row>
      <xdr:rowOff>22254</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3797300" y="16538397"/>
          <a:ext cx="838200" cy="11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31111</xdr:rowOff>
    </xdr:from>
    <xdr:ext cx="534377" cy="259045"/>
    <xdr:sp macro="" textlink="">
      <xdr:nvSpPr>
        <xdr:cNvPr id="231" name="扶助費平均値テキスト">
          <a:extLst>
            <a:ext uri="{FF2B5EF4-FFF2-40B4-BE49-F238E27FC236}">
              <a16:creationId xmlns:a16="http://schemas.microsoft.com/office/drawing/2014/main" id="{00000000-0008-0000-0600-0000E7000000}"/>
            </a:ext>
          </a:extLst>
        </xdr:cNvPr>
        <xdr:cNvSpPr txBox="1"/>
      </xdr:nvSpPr>
      <xdr:spPr>
        <a:xfrm>
          <a:off x="4686300" y="162474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8234</xdr:rowOff>
    </xdr:from>
    <xdr:to>
      <xdr:col>24</xdr:col>
      <xdr:colOff>114300</xdr:colOff>
      <xdr:row>96</xdr:row>
      <xdr:rowOff>38384</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4584700" y="16395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79197</xdr:rowOff>
    </xdr:from>
    <xdr:to>
      <xdr:col>19</xdr:col>
      <xdr:colOff>177800</xdr:colOff>
      <xdr:row>97</xdr:row>
      <xdr:rowOff>11448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2908300" y="16538397"/>
          <a:ext cx="889000" cy="206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66864</xdr:rowOff>
    </xdr:from>
    <xdr:to>
      <xdr:col>20</xdr:col>
      <xdr:colOff>38100</xdr:colOff>
      <xdr:row>95</xdr:row>
      <xdr:rowOff>97014</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37465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113541</xdr:rowOff>
    </xdr:from>
    <xdr:ext cx="534377" cy="259045"/>
    <xdr:sp macro="" textlink="">
      <xdr:nvSpPr>
        <xdr:cNvPr id="235" name="テキスト ボックス 234">
          <a:extLst>
            <a:ext uri="{FF2B5EF4-FFF2-40B4-BE49-F238E27FC236}">
              <a16:creationId xmlns:a16="http://schemas.microsoft.com/office/drawing/2014/main" id="{00000000-0008-0000-0600-0000EB000000}"/>
            </a:ext>
          </a:extLst>
        </xdr:cNvPr>
        <xdr:cNvSpPr txBox="1"/>
      </xdr:nvSpPr>
      <xdr:spPr>
        <a:xfrm>
          <a:off x="3530111" y="16058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4489</xdr:rowOff>
    </xdr:from>
    <xdr:to>
      <xdr:col>15</xdr:col>
      <xdr:colOff>50800</xdr:colOff>
      <xdr:row>97</xdr:row>
      <xdr:rowOff>138415</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2019300" y="16745139"/>
          <a:ext cx="889000" cy="23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0913</xdr:rowOff>
    </xdr:from>
    <xdr:to>
      <xdr:col>15</xdr:col>
      <xdr:colOff>1016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2857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2641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8415</xdr:rowOff>
    </xdr:from>
    <xdr:to>
      <xdr:col>10</xdr:col>
      <xdr:colOff>114300</xdr:colOff>
      <xdr:row>97</xdr:row>
      <xdr:rowOff>170093</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1130300" y="16769065"/>
          <a:ext cx="889000" cy="31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5642</xdr:rowOff>
    </xdr:from>
    <xdr:to>
      <xdr:col>10</xdr:col>
      <xdr:colOff>1651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968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1752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016</xdr:rowOff>
    </xdr:from>
    <xdr:to>
      <xdr:col>6</xdr:col>
      <xdr:colOff>38100</xdr:colOff>
      <xdr:row>97</xdr:row>
      <xdr:rowOff>46166</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079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2693</xdr:rowOff>
    </xdr:from>
    <xdr:ext cx="534377"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863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2904</xdr:rowOff>
    </xdr:from>
    <xdr:to>
      <xdr:col>24</xdr:col>
      <xdr:colOff>114300</xdr:colOff>
      <xdr:row>97</xdr:row>
      <xdr:rowOff>73054</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4584700" y="1660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1331</xdr:rowOff>
    </xdr:from>
    <xdr:ext cx="534377" cy="259045"/>
    <xdr:sp macro="" textlink="">
      <xdr:nvSpPr>
        <xdr:cNvPr id="250" name="扶助費該当値テキスト">
          <a:extLst>
            <a:ext uri="{FF2B5EF4-FFF2-40B4-BE49-F238E27FC236}">
              <a16:creationId xmlns:a16="http://schemas.microsoft.com/office/drawing/2014/main" id="{00000000-0008-0000-0600-0000FA000000}"/>
            </a:ext>
          </a:extLst>
        </xdr:cNvPr>
        <xdr:cNvSpPr txBox="1"/>
      </xdr:nvSpPr>
      <xdr:spPr>
        <a:xfrm>
          <a:off x="4686300" y="16580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28397</xdr:rowOff>
    </xdr:from>
    <xdr:to>
      <xdr:col>20</xdr:col>
      <xdr:colOff>38100</xdr:colOff>
      <xdr:row>96</xdr:row>
      <xdr:rowOff>129997</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3746500" y="164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1124</xdr:rowOff>
    </xdr:from>
    <xdr:ext cx="534377"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3530111" y="16580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3689</xdr:rowOff>
    </xdr:from>
    <xdr:to>
      <xdr:col>15</xdr:col>
      <xdr:colOff>101600</xdr:colOff>
      <xdr:row>97</xdr:row>
      <xdr:rowOff>16528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2857500" y="1669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416</xdr:rowOff>
    </xdr:from>
    <xdr:ext cx="534377"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641111" y="16787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7615</xdr:rowOff>
    </xdr:from>
    <xdr:to>
      <xdr:col>10</xdr:col>
      <xdr:colOff>165100</xdr:colOff>
      <xdr:row>98</xdr:row>
      <xdr:rowOff>17765</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968500" y="16718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8892</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1752111" y="1681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9293</xdr:rowOff>
    </xdr:from>
    <xdr:to>
      <xdr:col>6</xdr:col>
      <xdr:colOff>38100</xdr:colOff>
      <xdr:row>98</xdr:row>
      <xdr:rowOff>4944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079500" y="16749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40570</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863111" y="16842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6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62799</xdr:rowOff>
    </xdr:from>
    <xdr:to>
      <xdr:col>54</xdr:col>
      <xdr:colOff>189865</xdr:colOff>
      <xdr:row>37</xdr:row>
      <xdr:rowOff>102123</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flipV="1">
          <a:off x="10475595" y="5377749"/>
          <a:ext cx="1270" cy="1068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05950</xdr:rowOff>
    </xdr:from>
    <xdr:ext cx="534377" cy="259045"/>
    <xdr:sp macro="" textlink="">
      <xdr:nvSpPr>
        <xdr:cNvPr id="281" name="補助費等最小値テキスト">
          <a:extLst>
            <a:ext uri="{FF2B5EF4-FFF2-40B4-BE49-F238E27FC236}">
              <a16:creationId xmlns:a16="http://schemas.microsoft.com/office/drawing/2014/main" id="{00000000-0008-0000-0600-000019010000}"/>
            </a:ext>
          </a:extLst>
        </xdr:cNvPr>
        <xdr:cNvSpPr txBox="1"/>
      </xdr:nvSpPr>
      <xdr:spPr>
        <a:xfrm>
          <a:off x="10528300" y="6449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7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02123</xdr:rowOff>
    </xdr:from>
    <xdr:to>
      <xdr:col>55</xdr:col>
      <xdr:colOff>88900</xdr:colOff>
      <xdr:row>37</xdr:row>
      <xdr:rowOff>10212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10388600" y="6445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476</xdr:rowOff>
    </xdr:from>
    <xdr:ext cx="599010" cy="259045"/>
    <xdr:sp macro="" textlink="">
      <xdr:nvSpPr>
        <xdr:cNvPr id="283" name="補助費等最大値テキスト">
          <a:extLst>
            <a:ext uri="{FF2B5EF4-FFF2-40B4-BE49-F238E27FC236}">
              <a16:creationId xmlns:a16="http://schemas.microsoft.com/office/drawing/2014/main" id="{00000000-0008-0000-0600-00001B010000}"/>
            </a:ext>
          </a:extLst>
        </xdr:cNvPr>
        <xdr:cNvSpPr txBox="1"/>
      </xdr:nvSpPr>
      <xdr:spPr>
        <a:xfrm>
          <a:off x="10528300" y="5152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62799</xdr:rowOff>
    </xdr:from>
    <xdr:to>
      <xdr:col>55</xdr:col>
      <xdr:colOff>88900</xdr:colOff>
      <xdr:row>31</xdr:row>
      <xdr:rowOff>62799</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10388600" y="5377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2761</xdr:rowOff>
    </xdr:from>
    <xdr:to>
      <xdr:col>55</xdr:col>
      <xdr:colOff>0</xdr:colOff>
      <xdr:row>37</xdr:row>
      <xdr:rowOff>54423</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flipV="1">
          <a:off x="9639300" y="6376411"/>
          <a:ext cx="838200" cy="21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06926</xdr:rowOff>
    </xdr:from>
    <xdr:ext cx="599010" cy="259045"/>
    <xdr:sp macro="" textlink="">
      <xdr:nvSpPr>
        <xdr:cNvPr id="286" name="補助費等平均値テキスト">
          <a:extLst>
            <a:ext uri="{FF2B5EF4-FFF2-40B4-BE49-F238E27FC236}">
              <a16:creationId xmlns:a16="http://schemas.microsoft.com/office/drawing/2014/main" id="{00000000-0008-0000-0600-00001E010000}"/>
            </a:ext>
          </a:extLst>
        </xdr:cNvPr>
        <xdr:cNvSpPr txBox="1"/>
      </xdr:nvSpPr>
      <xdr:spPr>
        <a:xfrm>
          <a:off x="10528300" y="59362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4049</xdr:rowOff>
    </xdr:from>
    <xdr:to>
      <xdr:col>55</xdr:col>
      <xdr:colOff>50800</xdr:colOff>
      <xdr:row>36</xdr:row>
      <xdr:rowOff>14199</xdr:rowOff>
    </xdr:to>
    <xdr:sp macro="" textlink="">
      <xdr:nvSpPr>
        <xdr:cNvPr id="287" name="フローチャート: 判断 286">
          <a:extLst>
            <a:ext uri="{FF2B5EF4-FFF2-40B4-BE49-F238E27FC236}">
              <a16:creationId xmlns:a16="http://schemas.microsoft.com/office/drawing/2014/main" id="{00000000-0008-0000-0600-00001F010000}"/>
            </a:ext>
          </a:extLst>
        </xdr:cNvPr>
        <xdr:cNvSpPr/>
      </xdr:nvSpPr>
      <xdr:spPr>
        <a:xfrm>
          <a:off x="10426700" y="6084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26898</xdr:rowOff>
    </xdr:from>
    <xdr:to>
      <xdr:col>50</xdr:col>
      <xdr:colOff>114300</xdr:colOff>
      <xdr:row>37</xdr:row>
      <xdr:rowOff>54423</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8750300" y="5956198"/>
          <a:ext cx="889000" cy="44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15797</xdr:rowOff>
    </xdr:from>
    <xdr:to>
      <xdr:col>50</xdr:col>
      <xdr:colOff>165100</xdr:colOff>
      <xdr:row>36</xdr:row>
      <xdr:rowOff>45947</xdr:rowOff>
    </xdr:to>
    <xdr:sp macro="" textlink="">
      <xdr:nvSpPr>
        <xdr:cNvPr id="289" name="フローチャート: 判断 288">
          <a:extLst>
            <a:ext uri="{FF2B5EF4-FFF2-40B4-BE49-F238E27FC236}">
              <a16:creationId xmlns:a16="http://schemas.microsoft.com/office/drawing/2014/main" id="{00000000-0008-0000-0600-000021010000}"/>
            </a:ext>
          </a:extLst>
        </xdr:cNvPr>
        <xdr:cNvSpPr/>
      </xdr:nvSpPr>
      <xdr:spPr>
        <a:xfrm>
          <a:off x="95885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62474</xdr:rowOff>
    </xdr:from>
    <xdr:ext cx="599010" cy="259045"/>
    <xdr:sp macro="" textlink="">
      <xdr:nvSpPr>
        <xdr:cNvPr id="290" name="テキスト ボックス 289">
          <a:extLst>
            <a:ext uri="{FF2B5EF4-FFF2-40B4-BE49-F238E27FC236}">
              <a16:creationId xmlns:a16="http://schemas.microsoft.com/office/drawing/2014/main" id="{00000000-0008-0000-0600-000022010000}"/>
            </a:ext>
          </a:extLst>
        </xdr:cNvPr>
        <xdr:cNvSpPr txBox="1"/>
      </xdr:nvSpPr>
      <xdr:spPr>
        <a:xfrm>
          <a:off x="9339795" y="58917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26898</xdr:rowOff>
    </xdr:from>
    <xdr:to>
      <xdr:col>45</xdr:col>
      <xdr:colOff>177800</xdr:colOff>
      <xdr:row>37</xdr:row>
      <xdr:rowOff>107042</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7861300" y="5956198"/>
          <a:ext cx="889000" cy="494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2</xdr:row>
      <xdr:rowOff>167287</xdr:rowOff>
    </xdr:from>
    <xdr:to>
      <xdr:col>46</xdr:col>
      <xdr:colOff>38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8699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139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8450795" y="5428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7042</xdr:rowOff>
    </xdr:from>
    <xdr:to>
      <xdr:col>41</xdr:col>
      <xdr:colOff>50800</xdr:colOff>
      <xdr:row>37</xdr:row>
      <xdr:rowOff>11439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6972300" y="6450692"/>
          <a:ext cx="889000" cy="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28600</xdr:rowOff>
    </xdr:from>
    <xdr:to>
      <xdr:col>41</xdr:col>
      <xdr:colOff>1016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7810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7594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5206</xdr:rowOff>
    </xdr:from>
    <xdr:to>
      <xdr:col>36</xdr:col>
      <xdr:colOff>165100</xdr:colOff>
      <xdr:row>36</xdr:row>
      <xdr:rowOff>136806</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6921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153333</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6705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3411</xdr:rowOff>
    </xdr:from>
    <xdr:to>
      <xdr:col>55</xdr:col>
      <xdr:colOff>50800</xdr:colOff>
      <xdr:row>37</xdr:row>
      <xdr:rowOff>83561</xdr:rowOff>
    </xdr:to>
    <xdr:sp macro="" textlink="">
      <xdr:nvSpPr>
        <xdr:cNvPr id="304" name="楕円 303">
          <a:extLst>
            <a:ext uri="{FF2B5EF4-FFF2-40B4-BE49-F238E27FC236}">
              <a16:creationId xmlns:a16="http://schemas.microsoft.com/office/drawing/2014/main" id="{00000000-0008-0000-0600-000030010000}"/>
            </a:ext>
          </a:extLst>
        </xdr:cNvPr>
        <xdr:cNvSpPr/>
      </xdr:nvSpPr>
      <xdr:spPr>
        <a:xfrm>
          <a:off x="10426700" y="632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68338</xdr:rowOff>
    </xdr:from>
    <xdr:ext cx="534377" cy="259045"/>
    <xdr:sp macro="" textlink="">
      <xdr:nvSpPr>
        <xdr:cNvPr id="305" name="補助費等該当値テキスト">
          <a:extLst>
            <a:ext uri="{FF2B5EF4-FFF2-40B4-BE49-F238E27FC236}">
              <a16:creationId xmlns:a16="http://schemas.microsoft.com/office/drawing/2014/main" id="{00000000-0008-0000-0600-000031010000}"/>
            </a:ext>
          </a:extLst>
        </xdr:cNvPr>
        <xdr:cNvSpPr txBox="1"/>
      </xdr:nvSpPr>
      <xdr:spPr>
        <a:xfrm>
          <a:off x="10528300" y="624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3623</xdr:rowOff>
    </xdr:from>
    <xdr:to>
      <xdr:col>50</xdr:col>
      <xdr:colOff>165100</xdr:colOff>
      <xdr:row>37</xdr:row>
      <xdr:rowOff>105223</xdr:rowOff>
    </xdr:to>
    <xdr:sp macro="" textlink="">
      <xdr:nvSpPr>
        <xdr:cNvPr id="306" name="楕円 305">
          <a:extLst>
            <a:ext uri="{FF2B5EF4-FFF2-40B4-BE49-F238E27FC236}">
              <a16:creationId xmlns:a16="http://schemas.microsoft.com/office/drawing/2014/main" id="{00000000-0008-0000-0600-000032010000}"/>
            </a:ext>
          </a:extLst>
        </xdr:cNvPr>
        <xdr:cNvSpPr/>
      </xdr:nvSpPr>
      <xdr:spPr>
        <a:xfrm>
          <a:off x="9588500" y="6347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96350</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9372111" y="6440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76098</xdr:rowOff>
    </xdr:from>
    <xdr:to>
      <xdr:col>46</xdr:col>
      <xdr:colOff>38100</xdr:colOff>
      <xdr:row>35</xdr:row>
      <xdr:rowOff>6248</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8699500" y="590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168825</xdr:rowOff>
    </xdr:from>
    <xdr:ext cx="59901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450795" y="5998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6242</xdr:rowOff>
    </xdr:from>
    <xdr:to>
      <xdr:col>41</xdr:col>
      <xdr:colOff>101600</xdr:colOff>
      <xdr:row>37</xdr:row>
      <xdr:rowOff>157842</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7810500" y="6399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48969</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594111" y="6492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3594</xdr:rowOff>
    </xdr:from>
    <xdr:to>
      <xdr:col>36</xdr:col>
      <xdr:colOff>165100</xdr:colOff>
      <xdr:row>37</xdr:row>
      <xdr:rowOff>16519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6921500" y="640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5632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05111" y="6499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普通建設事業費グラフ枠">
          <a:extLst>
            <a:ext uri="{FF2B5EF4-FFF2-40B4-BE49-F238E27FC236}">
              <a16:creationId xmlns:a16="http://schemas.microsoft.com/office/drawing/2014/main" id="{00000000-0008-0000-06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4765</xdr:rowOff>
    </xdr:from>
    <xdr:to>
      <xdr:col>54</xdr:col>
      <xdr:colOff>189865</xdr:colOff>
      <xdr:row>58</xdr:row>
      <xdr:rowOff>74572</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flipV="1">
          <a:off x="10475595" y="8727265"/>
          <a:ext cx="1270" cy="12914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8399</xdr:rowOff>
    </xdr:from>
    <xdr:ext cx="534377" cy="259045"/>
    <xdr:sp macro="" textlink="">
      <xdr:nvSpPr>
        <xdr:cNvPr id="336" name="普通建設事業費最小値テキスト">
          <a:extLst>
            <a:ext uri="{FF2B5EF4-FFF2-40B4-BE49-F238E27FC236}">
              <a16:creationId xmlns:a16="http://schemas.microsoft.com/office/drawing/2014/main" id="{00000000-0008-0000-0600-000050010000}"/>
            </a:ext>
          </a:extLst>
        </xdr:cNvPr>
        <xdr:cNvSpPr txBox="1"/>
      </xdr:nvSpPr>
      <xdr:spPr>
        <a:xfrm>
          <a:off x="10528300" y="10022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4572</xdr:rowOff>
    </xdr:from>
    <xdr:to>
      <xdr:col>55</xdr:col>
      <xdr:colOff>88900</xdr:colOff>
      <xdr:row>58</xdr:row>
      <xdr:rowOff>74572</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10388600" y="10018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1442</xdr:rowOff>
    </xdr:from>
    <xdr:ext cx="599010" cy="259045"/>
    <xdr:sp macro="" textlink="">
      <xdr:nvSpPr>
        <xdr:cNvPr id="338" name="普通建設事業費最大値テキスト">
          <a:extLst>
            <a:ext uri="{FF2B5EF4-FFF2-40B4-BE49-F238E27FC236}">
              <a16:creationId xmlns:a16="http://schemas.microsoft.com/office/drawing/2014/main" id="{00000000-0008-0000-0600-000052010000}"/>
            </a:ext>
          </a:extLst>
        </xdr:cNvPr>
        <xdr:cNvSpPr txBox="1"/>
      </xdr:nvSpPr>
      <xdr:spPr>
        <a:xfrm>
          <a:off x="10528300" y="850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4765</xdr:rowOff>
    </xdr:from>
    <xdr:to>
      <xdr:col>55</xdr:col>
      <xdr:colOff>88900</xdr:colOff>
      <xdr:row>50</xdr:row>
      <xdr:rowOff>154765</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10388600" y="8727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84383</xdr:rowOff>
    </xdr:from>
    <xdr:to>
      <xdr:col>55</xdr:col>
      <xdr:colOff>0</xdr:colOff>
      <xdr:row>56</xdr:row>
      <xdr:rowOff>132746</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9639300" y="9171233"/>
          <a:ext cx="838200" cy="5627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7080</xdr:rowOff>
    </xdr:from>
    <xdr:ext cx="534377" cy="259045"/>
    <xdr:sp macro="" textlink="">
      <xdr:nvSpPr>
        <xdr:cNvPr id="341" name="普通建設事業費平均値テキスト">
          <a:extLst>
            <a:ext uri="{FF2B5EF4-FFF2-40B4-BE49-F238E27FC236}">
              <a16:creationId xmlns:a16="http://schemas.microsoft.com/office/drawing/2014/main" id="{00000000-0008-0000-0600-000055010000}"/>
            </a:ext>
          </a:extLst>
        </xdr:cNvPr>
        <xdr:cNvSpPr txBox="1"/>
      </xdr:nvSpPr>
      <xdr:spPr>
        <a:xfrm>
          <a:off x="10528300" y="94668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203</xdr:rowOff>
    </xdr:from>
    <xdr:to>
      <xdr:col>55</xdr:col>
      <xdr:colOff>50800</xdr:colOff>
      <xdr:row>56</xdr:row>
      <xdr:rowOff>115803</xdr:rowOff>
    </xdr:to>
    <xdr:sp macro="" textlink="">
      <xdr:nvSpPr>
        <xdr:cNvPr id="342" name="フローチャート: 判断 341">
          <a:extLst>
            <a:ext uri="{FF2B5EF4-FFF2-40B4-BE49-F238E27FC236}">
              <a16:creationId xmlns:a16="http://schemas.microsoft.com/office/drawing/2014/main" id="{00000000-0008-0000-0600-000056010000}"/>
            </a:ext>
          </a:extLst>
        </xdr:cNvPr>
        <xdr:cNvSpPr/>
      </xdr:nvSpPr>
      <xdr:spPr>
        <a:xfrm>
          <a:off x="10426700" y="9615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84383</xdr:rowOff>
    </xdr:from>
    <xdr:to>
      <xdr:col>50</xdr:col>
      <xdr:colOff>114300</xdr:colOff>
      <xdr:row>56</xdr:row>
      <xdr:rowOff>8259</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8750300" y="9171233"/>
          <a:ext cx="889000" cy="438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6301</xdr:rowOff>
    </xdr:from>
    <xdr:to>
      <xdr:col>50</xdr:col>
      <xdr:colOff>165100</xdr:colOff>
      <xdr:row>56</xdr:row>
      <xdr:rowOff>86451</xdr:rowOff>
    </xdr:to>
    <xdr:sp macro="" textlink="">
      <xdr:nvSpPr>
        <xdr:cNvPr id="344" name="フローチャート: 判断 343">
          <a:extLst>
            <a:ext uri="{FF2B5EF4-FFF2-40B4-BE49-F238E27FC236}">
              <a16:creationId xmlns:a16="http://schemas.microsoft.com/office/drawing/2014/main" id="{00000000-0008-0000-0600-000058010000}"/>
            </a:ext>
          </a:extLst>
        </xdr:cNvPr>
        <xdr:cNvSpPr/>
      </xdr:nvSpPr>
      <xdr:spPr>
        <a:xfrm>
          <a:off x="9588500" y="9586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77578</xdr:rowOff>
    </xdr:from>
    <xdr:ext cx="534377"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9372111" y="967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8259</xdr:rowOff>
    </xdr:from>
    <xdr:to>
      <xdr:col>45</xdr:col>
      <xdr:colOff>177800</xdr:colOff>
      <xdr:row>57</xdr:row>
      <xdr:rowOff>51305</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7861300" y="9609459"/>
          <a:ext cx="889000" cy="214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67256</xdr:rowOff>
    </xdr:from>
    <xdr:to>
      <xdr:col>46</xdr:col>
      <xdr:colOff>38100</xdr:colOff>
      <xdr:row>55</xdr:row>
      <xdr:rowOff>168856</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8699500" y="9497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13933</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8450795" y="9272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4580</xdr:rowOff>
    </xdr:from>
    <xdr:to>
      <xdr:col>41</xdr:col>
      <xdr:colOff>50800</xdr:colOff>
      <xdr:row>57</xdr:row>
      <xdr:rowOff>5130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6972300" y="9685780"/>
          <a:ext cx="889000" cy="13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0551</xdr:rowOff>
    </xdr:from>
    <xdr:to>
      <xdr:col>41</xdr:col>
      <xdr:colOff>101600</xdr:colOff>
      <xdr:row>56</xdr:row>
      <xdr:rowOff>6070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7810500" y="956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4</xdr:row>
      <xdr:rowOff>77228</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7561795" y="93355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27964</xdr:rowOff>
    </xdr:from>
    <xdr:to>
      <xdr:col>36</xdr:col>
      <xdr:colOff>165100</xdr:colOff>
      <xdr:row>56</xdr:row>
      <xdr:rowOff>12956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6921500" y="9629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6091</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6705111" y="9404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1946</xdr:rowOff>
    </xdr:from>
    <xdr:to>
      <xdr:col>55</xdr:col>
      <xdr:colOff>50800</xdr:colOff>
      <xdr:row>57</xdr:row>
      <xdr:rowOff>12096</xdr:rowOff>
    </xdr:to>
    <xdr:sp macro="" textlink="">
      <xdr:nvSpPr>
        <xdr:cNvPr id="359" name="楕円 358">
          <a:extLst>
            <a:ext uri="{FF2B5EF4-FFF2-40B4-BE49-F238E27FC236}">
              <a16:creationId xmlns:a16="http://schemas.microsoft.com/office/drawing/2014/main" id="{00000000-0008-0000-0600-000067010000}"/>
            </a:ext>
          </a:extLst>
        </xdr:cNvPr>
        <xdr:cNvSpPr/>
      </xdr:nvSpPr>
      <xdr:spPr>
        <a:xfrm>
          <a:off x="10426700" y="9683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0373</xdr:rowOff>
    </xdr:from>
    <xdr:ext cx="534377" cy="259045"/>
    <xdr:sp macro="" textlink="">
      <xdr:nvSpPr>
        <xdr:cNvPr id="360" name="普通建設事業費該当値テキスト">
          <a:extLst>
            <a:ext uri="{FF2B5EF4-FFF2-40B4-BE49-F238E27FC236}">
              <a16:creationId xmlns:a16="http://schemas.microsoft.com/office/drawing/2014/main" id="{00000000-0008-0000-0600-000068010000}"/>
            </a:ext>
          </a:extLst>
        </xdr:cNvPr>
        <xdr:cNvSpPr txBox="1"/>
      </xdr:nvSpPr>
      <xdr:spPr>
        <a:xfrm>
          <a:off x="10528300" y="966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33583</xdr:rowOff>
    </xdr:from>
    <xdr:to>
      <xdr:col>50</xdr:col>
      <xdr:colOff>165100</xdr:colOff>
      <xdr:row>53</xdr:row>
      <xdr:rowOff>135183</xdr:rowOff>
    </xdr:to>
    <xdr:sp macro="" textlink="">
      <xdr:nvSpPr>
        <xdr:cNvPr id="361" name="楕円 360">
          <a:extLst>
            <a:ext uri="{FF2B5EF4-FFF2-40B4-BE49-F238E27FC236}">
              <a16:creationId xmlns:a16="http://schemas.microsoft.com/office/drawing/2014/main" id="{00000000-0008-0000-0600-000069010000}"/>
            </a:ext>
          </a:extLst>
        </xdr:cNvPr>
        <xdr:cNvSpPr/>
      </xdr:nvSpPr>
      <xdr:spPr>
        <a:xfrm>
          <a:off x="9588500" y="912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1</xdr:row>
      <xdr:rowOff>151710</xdr:rowOff>
    </xdr:from>
    <xdr:ext cx="59901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339795" y="889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28909</xdr:rowOff>
    </xdr:from>
    <xdr:to>
      <xdr:col>46</xdr:col>
      <xdr:colOff>38100</xdr:colOff>
      <xdr:row>56</xdr:row>
      <xdr:rowOff>59059</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8699500" y="9558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50186</xdr:rowOff>
    </xdr:from>
    <xdr:ext cx="59901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50795" y="9651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05</xdr:rowOff>
    </xdr:from>
    <xdr:to>
      <xdr:col>41</xdr:col>
      <xdr:colOff>101600</xdr:colOff>
      <xdr:row>57</xdr:row>
      <xdr:rowOff>102105</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7810500" y="9773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3232</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594111" y="9865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3780</xdr:rowOff>
    </xdr:from>
    <xdr:to>
      <xdr:col>36</xdr:col>
      <xdr:colOff>165100</xdr:colOff>
      <xdr:row>56</xdr:row>
      <xdr:rowOff>135380</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6921500" y="963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6507</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05111" y="9727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id="{00000000-0008-0000-06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id="{00000000-0008-0000-06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id="{00000000-0008-0000-06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id="{00000000-0008-0000-06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79" name="直線コネクタ 378">
          <a:extLst>
            <a:ext uri="{FF2B5EF4-FFF2-40B4-BE49-F238E27FC236}">
              <a16:creationId xmlns:a16="http://schemas.microsoft.com/office/drawing/2014/main" id="{00000000-0008-0000-0600-00007B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9240</xdr:rowOff>
    </xdr:from>
    <xdr:to>
      <xdr:col>54</xdr:col>
      <xdr:colOff>189865</xdr:colOff>
      <xdr:row>79</xdr:row>
      <xdr:rowOff>444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flipV="1">
          <a:off x="10475595" y="12090740"/>
          <a:ext cx="1270" cy="149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3" name="普通建設事業費 （ うち新規整備　）最小値テキスト">
          <a:extLst>
            <a:ext uri="{FF2B5EF4-FFF2-40B4-BE49-F238E27FC236}">
              <a16:creationId xmlns:a16="http://schemas.microsoft.com/office/drawing/2014/main" id="{00000000-0008-0000-0600-000089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5917</xdr:rowOff>
    </xdr:from>
    <xdr:ext cx="599010" cy="259045"/>
    <xdr:sp macro="" textlink="">
      <xdr:nvSpPr>
        <xdr:cNvPr id="395" name="普通建設事業費 （ うち新規整備　）最大値テキスト">
          <a:extLst>
            <a:ext uri="{FF2B5EF4-FFF2-40B4-BE49-F238E27FC236}">
              <a16:creationId xmlns:a16="http://schemas.microsoft.com/office/drawing/2014/main" id="{00000000-0008-0000-0600-00008B010000}"/>
            </a:ext>
          </a:extLst>
        </xdr:cNvPr>
        <xdr:cNvSpPr txBox="1"/>
      </xdr:nvSpPr>
      <xdr:spPr>
        <a:xfrm>
          <a:off x="10528300" y="11865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9240</xdr:rowOff>
    </xdr:from>
    <xdr:to>
      <xdr:col>55</xdr:col>
      <xdr:colOff>88900</xdr:colOff>
      <xdr:row>70</xdr:row>
      <xdr:rowOff>8924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10388600" y="12090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15263</xdr:rowOff>
    </xdr:from>
    <xdr:to>
      <xdr:col>55</xdr:col>
      <xdr:colOff>0</xdr:colOff>
      <xdr:row>78</xdr:row>
      <xdr:rowOff>1571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flipV="1">
          <a:off x="9639300" y="13488363"/>
          <a:ext cx="838200" cy="4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0827</xdr:rowOff>
    </xdr:from>
    <xdr:ext cx="534377" cy="259045"/>
    <xdr:sp macro="" textlink="">
      <xdr:nvSpPr>
        <xdr:cNvPr id="398" name="普通建設事業費 （ うち新規整備　）平均値テキスト">
          <a:extLst>
            <a:ext uri="{FF2B5EF4-FFF2-40B4-BE49-F238E27FC236}">
              <a16:creationId xmlns:a16="http://schemas.microsoft.com/office/drawing/2014/main" id="{00000000-0008-0000-0600-00008E010000}"/>
            </a:ext>
          </a:extLst>
        </xdr:cNvPr>
        <xdr:cNvSpPr txBox="1"/>
      </xdr:nvSpPr>
      <xdr:spPr>
        <a:xfrm>
          <a:off x="10528300" y="13191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7950</xdr:rowOff>
    </xdr:from>
    <xdr:to>
      <xdr:col>55</xdr:col>
      <xdr:colOff>50800</xdr:colOff>
      <xdr:row>78</xdr:row>
      <xdr:rowOff>68100</xdr:rowOff>
    </xdr:to>
    <xdr:sp macro="" textlink="">
      <xdr:nvSpPr>
        <xdr:cNvPr id="399" name="フローチャート: 判断 398">
          <a:extLst>
            <a:ext uri="{FF2B5EF4-FFF2-40B4-BE49-F238E27FC236}">
              <a16:creationId xmlns:a16="http://schemas.microsoft.com/office/drawing/2014/main" id="{00000000-0008-0000-0600-00008F010000}"/>
            </a:ext>
          </a:extLst>
        </xdr:cNvPr>
        <xdr:cNvSpPr/>
      </xdr:nvSpPr>
      <xdr:spPr>
        <a:xfrm>
          <a:off x="10426700" y="1333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8400</xdr:rowOff>
    </xdr:from>
    <xdr:to>
      <xdr:col>50</xdr:col>
      <xdr:colOff>114300</xdr:colOff>
      <xdr:row>78</xdr:row>
      <xdr:rowOff>15715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8750300" y="13471500"/>
          <a:ext cx="889000" cy="5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2248</xdr:rowOff>
    </xdr:from>
    <xdr:to>
      <xdr:col>50</xdr:col>
      <xdr:colOff>165100</xdr:colOff>
      <xdr:row>78</xdr:row>
      <xdr:rowOff>12398</xdr:rowOff>
    </xdr:to>
    <xdr:sp macro="" textlink="">
      <xdr:nvSpPr>
        <xdr:cNvPr id="401" name="フローチャート: 判断 400">
          <a:extLst>
            <a:ext uri="{FF2B5EF4-FFF2-40B4-BE49-F238E27FC236}">
              <a16:creationId xmlns:a16="http://schemas.microsoft.com/office/drawing/2014/main" id="{00000000-0008-0000-0600-000091010000}"/>
            </a:ext>
          </a:extLst>
        </xdr:cNvPr>
        <xdr:cNvSpPr/>
      </xdr:nvSpPr>
      <xdr:spPr>
        <a:xfrm>
          <a:off x="9588500" y="1328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8925</xdr:rowOff>
    </xdr:from>
    <xdr:ext cx="534377"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9372111" y="13059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1770</xdr:rowOff>
    </xdr:from>
    <xdr:to>
      <xdr:col>45</xdr:col>
      <xdr:colOff>177800</xdr:colOff>
      <xdr:row>78</xdr:row>
      <xdr:rowOff>98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7861300" y="13434870"/>
          <a:ext cx="889000" cy="36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6106</xdr:rowOff>
    </xdr:from>
    <xdr:to>
      <xdr:col>46</xdr:col>
      <xdr:colOff>38100</xdr:colOff>
      <xdr:row>77</xdr:row>
      <xdr:rowOff>96256</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8699500" y="13196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12783</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8483111" y="12971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8422</xdr:rowOff>
    </xdr:from>
    <xdr:to>
      <xdr:col>41</xdr:col>
      <xdr:colOff>50800</xdr:colOff>
      <xdr:row>78</xdr:row>
      <xdr:rowOff>6177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6972300" y="13128622"/>
          <a:ext cx="889000" cy="30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49595</xdr:rowOff>
    </xdr:from>
    <xdr:to>
      <xdr:col>41</xdr:col>
      <xdr:colOff>101600</xdr:colOff>
      <xdr:row>77</xdr:row>
      <xdr:rowOff>151195</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7810500" y="13251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67722</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7594111" y="13026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294</xdr:rowOff>
    </xdr:from>
    <xdr:to>
      <xdr:col>36</xdr:col>
      <xdr:colOff>165100</xdr:colOff>
      <xdr:row>78</xdr:row>
      <xdr:rowOff>67444</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6921500" y="13338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58571</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6705111" y="13431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4463</xdr:rowOff>
    </xdr:from>
    <xdr:to>
      <xdr:col>55</xdr:col>
      <xdr:colOff>50800</xdr:colOff>
      <xdr:row>78</xdr:row>
      <xdr:rowOff>166063</xdr:rowOff>
    </xdr:to>
    <xdr:sp macro="" textlink="">
      <xdr:nvSpPr>
        <xdr:cNvPr id="416" name="楕円 415">
          <a:extLst>
            <a:ext uri="{FF2B5EF4-FFF2-40B4-BE49-F238E27FC236}">
              <a16:creationId xmlns:a16="http://schemas.microsoft.com/office/drawing/2014/main" id="{00000000-0008-0000-0600-0000A0010000}"/>
            </a:ext>
          </a:extLst>
        </xdr:cNvPr>
        <xdr:cNvSpPr/>
      </xdr:nvSpPr>
      <xdr:spPr>
        <a:xfrm>
          <a:off x="10426700" y="1343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0840</xdr:rowOff>
    </xdr:from>
    <xdr:ext cx="534377" cy="259045"/>
    <xdr:sp macro="" textlink="">
      <xdr:nvSpPr>
        <xdr:cNvPr id="417" name="普通建設事業費 （ うち新規整備　）該当値テキスト">
          <a:extLst>
            <a:ext uri="{FF2B5EF4-FFF2-40B4-BE49-F238E27FC236}">
              <a16:creationId xmlns:a16="http://schemas.microsoft.com/office/drawing/2014/main" id="{00000000-0008-0000-0600-0000A1010000}"/>
            </a:ext>
          </a:extLst>
        </xdr:cNvPr>
        <xdr:cNvSpPr txBox="1"/>
      </xdr:nvSpPr>
      <xdr:spPr>
        <a:xfrm>
          <a:off x="10528300" y="13352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6350</xdr:rowOff>
    </xdr:from>
    <xdr:to>
      <xdr:col>50</xdr:col>
      <xdr:colOff>165100</xdr:colOff>
      <xdr:row>79</xdr:row>
      <xdr:rowOff>36500</xdr:rowOff>
    </xdr:to>
    <xdr:sp macro="" textlink="">
      <xdr:nvSpPr>
        <xdr:cNvPr id="418" name="楕円 417">
          <a:extLst>
            <a:ext uri="{FF2B5EF4-FFF2-40B4-BE49-F238E27FC236}">
              <a16:creationId xmlns:a16="http://schemas.microsoft.com/office/drawing/2014/main" id="{00000000-0008-0000-0600-0000A2010000}"/>
            </a:ext>
          </a:extLst>
        </xdr:cNvPr>
        <xdr:cNvSpPr/>
      </xdr:nvSpPr>
      <xdr:spPr>
        <a:xfrm>
          <a:off x="9588500" y="1347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7627</xdr:rowOff>
    </xdr:from>
    <xdr:ext cx="469744"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04428" y="13572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7600</xdr:rowOff>
    </xdr:from>
    <xdr:to>
      <xdr:col>46</xdr:col>
      <xdr:colOff>38100</xdr:colOff>
      <xdr:row>78</xdr:row>
      <xdr:rowOff>149200</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8699500" y="134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40327</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483111" y="13513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970</xdr:rowOff>
    </xdr:from>
    <xdr:to>
      <xdr:col>41</xdr:col>
      <xdr:colOff>101600</xdr:colOff>
      <xdr:row>78</xdr:row>
      <xdr:rowOff>112570</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7810500" y="1338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697</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7594111" y="13476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47622</xdr:rowOff>
    </xdr:from>
    <xdr:to>
      <xdr:col>36</xdr:col>
      <xdr:colOff>165100</xdr:colOff>
      <xdr:row>76</xdr:row>
      <xdr:rowOff>149222</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6921500" y="13077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65750</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05111" y="1285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35224</xdr:rowOff>
    </xdr:from>
    <xdr:to>
      <xdr:col>54</xdr:col>
      <xdr:colOff>189865</xdr:colOff>
      <xdr:row>98</xdr:row>
      <xdr:rowOff>125816</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flipV="1">
          <a:off x="10475595" y="15737174"/>
          <a:ext cx="1270" cy="11907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9643</xdr:rowOff>
    </xdr:from>
    <xdr:ext cx="469744" cy="259045"/>
    <xdr:sp macro="" textlink="">
      <xdr:nvSpPr>
        <xdr:cNvPr id="448" name="普通建設事業費 （ うち更新整備　）最小値テキスト">
          <a:extLst>
            <a:ext uri="{FF2B5EF4-FFF2-40B4-BE49-F238E27FC236}">
              <a16:creationId xmlns:a16="http://schemas.microsoft.com/office/drawing/2014/main" id="{00000000-0008-0000-0600-0000C0010000}"/>
            </a:ext>
          </a:extLst>
        </xdr:cNvPr>
        <xdr:cNvSpPr txBox="1"/>
      </xdr:nvSpPr>
      <xdr:spPr>
        <a:xfrm>
          <a:off x="10528300" y="16931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5816</xdr:rowOff>
    </xdr:from>
    <xdr:to>
      <xdr:col>55</xdr:col>
      <xdr:colOff>88900</xdr:colOff>
      <xdr:row>98</xdr:row>
      <xdr:rowOff>125816</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10388600" y="16927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81901</xdr:rowOff>
    </xdr:from>
    <xdr:ext cx="599010" cy="259045"/>
    <xdr:sp macro="" textlink="">
      <xdr:nvSpPr>
        <xdr:cNvPr id="450" name="普通建設事業費 （ うち更新整備　）最大値テキスト">
          <a:extLst>
            <a:ext uri="{FF2B5EF4-FFF2-40B4-BE49-F238E27FC236}">
              <a16:creationId xmlns:a16="http://schemas.microsoft.com/office/drawing/2014/main" id="{00000000-0008-0000-0600-0000C2010000}"/>
            </a:ext>
          </a:extLst>
        </xdr:cNvPr>
        <xdr:cNvSpPr txBox="1"/>
      </xdr:nvSpPr>
      <xdr:spPr>
        <a:xfrm>
          <a:off x="10528300" y="15512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35224</xdr:rowOff>
    </xdr:from>
    <xdr:to>
      <xdr:col>55</xdr:col>
      <xdr:colOff>88900</xdr:colOff>
      <xdr:row>91</xdr:row>
      <xdr:rowOff>135224</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10388600" y="15737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26034</xdr:rowOff>
    </xdr:from>
    <xdr:to>
      <xdr:col>55</xdr:col>
      <xdr:colOff>0</xdr:colOff>
      <xdr:row>97</xdr:row>
      <xdr:rowOff>28001</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9639300" y="16070884"/>
          <a:ext cx="838200" cy="587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9901</xdr:rowOff>
    </xdr:from>
    <xdr:ext cx="534377" cy="259045"/>
    <xdr:sp macro="" textlink="">
      <xdr:nvSpPr>
        <xdr:cNvPr id="453" name="普通建設事業費 （ うち更新整備　）平均値テキスト">
          <a:extLst>
            <a:ext uri="{FF2B5EF4-FFF2-40B4-BE49-F238E27FC236}">
              <a16:creationId xmlns:a16="http://schemas.microsoft.com/office/drawing/2014/main" id="{00000000-0008-0000-0600-0000C5010000}"/>
            </a:ext>
          </a:extLst>
        </xdr:cNvPr>
        <xdr:cNvSpPr txBox="1"/>
      </xdr:nvSpPr>
      <xdr:spPr>
        <a:xfrm>
          <a:off x="10528300" y="166191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0024</xdr:rowOff>
    </xdr:from>
    <xdr:to>
      <xdr:col>55</xdr:col>
      <xdr:colOff>50800</xdr:colOff>
      <xdr:row>97</xdr:row>
      <xdr:rowOff>111624</xdr:rowOff>
    </xdr:to>
    <xdr:sp macro="" textlink="">
      <xdr:nvSpPr>
        <xdr:cNvPr id="454" name="フローチャート: 判断 453">
          <a:extLst>
            <a:ext uri="{FF2B5EF4-FFF2-40B4-BE49-F238E27FC236}">
              <a16:creationId xmlns:a16="http://schemas.microsoft.com/office/drawing/2014/main" id="{00000000-0008-0000-0600-0000C6010000}"/>
            </a:ext>
          </a:extLst>
        </xdr:cNvPr>
        <xdr:cNvSpPr/>
      </xdr:nvSpPr>
      <xdr:spPr>
        <a:xfrm>
          <a:off x="10426700" y="16640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26034</xdr:rowOff>
    </xdr:from>
    <xdr:to>
      <xdr:col>50</xdr:col>
      <xdr:colOff>114300</xdr:colOff>
      <xdr:row>96</xdr:row>
      <xdr:rowOff>111317</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8750300" y="16070884"/>
          <a:ext cx="889000" cy="499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432</xdr:rowOff>
    </xdr:from>
    <xdr:to>
      <xdr:col>50</xdr:col>
      <xdr:colOff>165100</xdr:colOff>
      <xdr:row>97</xdr:row>
      <xdr:rowOff>113032</xdr:rowOff>
    </xdr:to>
    <xdr:sp macro="" textlink="">
      <xdr:nvSpPr>
        <xdr:cNvPr id="456" name="フローチャート: 判断 455">
          <a:extLst>
            <a:ext uri="{FF2B5EF4-FFF2-40B4-BE49-F238E27FC236}">
              <a16:creationId xmlns:a16="http://schemas.microsoft.com/office/drawing/2014/main" id="{00000000-0008-0000-0600-0000C8010000}"/>
            </a:ext>
          </a:extLst>
        </xdr:cNvPr>
        <xdr:cNvSpPr/>
      </xdr:nvSpPr>
      <xdr:spPr>
        <a:xfrm>
          <a:off x="9588500" y="16642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159</xdr:rowOff>
    </xdr:from>
    <xdr:ext cx="534377"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9372111" y="16734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11317</xdr:rowOff>
    </xdr:from>
    <xdr:to>
      <xdr:col>45</xdr:col>
      <xdr:colOff>177800</xdr:colOff>
      <xdr:row>98</xdr:row>
      <xdr:rowOff>44497</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7861300" y="16570517"/>
          <a:ext cx="889000" cy="276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48893</xdr:rowOff>
    </xdr:from>
    <xdr:to>
      <xdr:col>46</xdr:col>
      <xdr:colOff>38100</xdr:colOff>
      <xdr:row>97</xdr:row>
      <xdr:rowOff>7904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86995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0170</xdr:rowOff>
    </xdr:from>
    <xdr:ext cx="534377"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8483111" y="16700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4497</xdr:rowOff>
    </xdr:from>
    <xdr:to>
      <xdr:col>41</xdr:col>
      <xdr:colOff>50800</xdr:colOff>
      <xdr:row>98</xdr:row>
      <xdr:rowOff>5776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6972300" y="16846597"/>
          <a:ext cx="889000" cy="1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386</xdr:rowOff>
    </xdr:from>
    <xdr:to>
      <xdr:col>41</xdr:col>
      <xdr:colOff>101600</xdr:colOff>
      <xdr:row>97</xdr:row>
      <xdr:rowOff>108986</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7810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25513</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7594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3240</xdr:rowOff>
    </xdr:from>
    <xdr:to>
      <xdr:col>36</xdr:col>
      <xdr:colOff>165100</xdr:colOff>
      <xdr:row>97</xdr:row>
      <xdr:rowOff>134840</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6921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1367</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6705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8651</xdr:rowOff>
    </xdr:from>
    <xdr:to>
      <xdr:col>55</xdr:col>
      <xdr:colOff>50800</xdr:colOff>
      <xdr:row>97</xdr:row>
      <xdr:rowOff>78801</xdr:rowOff>
    </xdr:to>
    <xdr:sp macro="" textlink="">
      <xdr:nvSpPr>
        <xdr:cNvPr id="471" name="楕円 470">
          <a:extLst>
            <a:ext uri="{FF2B5EF4-FFF2-40B4-BE49-F238E27FC236}">
              <a16:creationId xmlns:a16="http://schemas.microsoft.com/office/drawing/2014/main" id="{00000000-0008-0000-0600-0000D7010000}"/>
            </a:ext>
          </a:extLst>
        </xdr:cNvPr>
        <xdr:cNvSpPr/>
      </xdr:nvSpPr>
      <xdr:spPr>
        <a:xfrm>
          <a:off x="10426700" y="16607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78</xdr:rowOff>
    </xdr:from>
    <xdr:ext cx="534377" cy="259045"/>
    <xdr:sp macro="" textlink="">
      <xdr:nvSpPr>
        <xdr:cNvPr id="472" name="普通建設事業費 （ うち更新整備　）該当値テキスト">
          <a:extLst>
            <a:ext uri="{FF2B5EF4-FFF2-40B4-BE49-F238E27FC236}">
              <a16:creationId xmlns:a16="http://schemas.microsoft.com/office/drawing/2014/main" id="{00000000-0008-0000-0600-0000D8010000}"/>
            </a:ext>
          </a:extLst>
        </xdr:cNvPr>
        <xdr:cNvSpPr txBox="1"/>
      </xdr:nvSpPr>
      <xdr:spPr>
        <a:xfrm>
          <a:off x="10528300" y="1645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75234</xdr:rowOff>
    </xdr:from>
    <xdr:to>
      <xdr:col>50</xdr:col>
      <xdr:colOff>165100</xdr:colOff>
      <xdr:row>94</xdr:row>
      <xdr:rowOff>5384</xdr:rowOff>
    </xdr:to>
    <xdr:sp macro="" textlink="">
      <xdr:nvSpPr>
        <xdr:cNvPr id="473" name="楕円 472">
          <a:extLst>
            <a:ext uri="{FF2B5EF4-FFF2-40B4-BE49-F238E27FC236}">
              <a16:creationId xmlns:a16="http://schemas.microsoft.com/office/drawing/2014/main" id="{00000000-0008-0000-0600-0000D9010000}"/>
            </a:ext>
          </a:extLst>
        </xdr:cNvPr>
        <xdr:cNvSpPr/>
      </xdr:nvSpPr>
      <xdr:spPr>
        <a:xfrm>
          <a:off x="9588500" y="16020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2</xdr:row>
      <xdr:rowOff>21911</xdr:rowOff>
    </xdr:from>
    <xdr:ext cx="59901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339795" y="15795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60517</xdr:rowOff>
    </xdr:from>
    <xdr:to>
      <xdr:col>46</xdr:col>
      <xdr:colOff>38100</xdr:colOff>
      <xdr:row>96</xdr:row>
      <xdr:rowOff>162117</xdr:rowOff>
    </xdr:to>
    <xdr:sp macro="" textlink="">
      <xdr:nvSpPr>
        <xdr:cNvPr id="475" name="楕円 474">
          <a:extLst>
            <a:ext uri="{FF2B5EF4-FFF2-40B4-BE49-F238E27FC236}">
              <a16:creationId xmlns:a16="http://schemas.microsoft.com/office/drawing/2014/main" id="{00000000-0008-0000-0600-0000DB010000}"/>
            </a:ext>
          </a:extLst>
        </xdr:cNvPr>
        <xdr:cNvSpPr/>
      </xdr:nvSpPr>
      <xdr:spPr>
        <a:xfrm>
          <a:off x="8699500" y="1651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194</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483111" y="1629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5147</xdr:rowOff>
    </xdr:from>
    <xdr:to>
      <xdr:col>41</xdr:col>
      <xdr:colOff>101600</xdr:colOff>
      <xdr:row>98</xdr:row>
      <xdr:rowOff>95297</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7810500" y="1679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86424</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594111" y="16888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961</xdr:rowOff>
    </xdr:from>
    <xdr:to>
      <xdr:col>36</xdr:col>
      <xdr:colOff>165100</xdr:colOff>
      <xdr:row>98</xdr:row>
      <xdr:rowOff>108561</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6921500" y="1680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9688</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05111" y="16901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1" name="直線コネクタ 490">
          <a:extLst>
            <a:ext uri="{FF2B5EF4-FFF2-40B4-BE49-F238E27FC236}">
              <a16:creationId xmlns:a16="http://schemas.microsoft.com/office/drawing/2014/main" id="{00000000-0008-0000-0600-0000E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災害復旧事業費グラフ枠">
          <a:extLst>
            <a:ext uri="{FF2B5EF4-FFF2-40B4-BE49-F238E27FC236}">
              <a16:creationId xmlns:a16="http://schemas.microsoft.com/office/drawing/2014/main" id="{00000000-0008-0000-06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48844</xdr:rowOff>
    </xdr:from>
    <xdr:to>
      <xdr:col>85</xdr:col>
      <xdr:colOff>126364</xdr:colOff>
      <xdr:row>39</xdr:row>
      <xdr:rowOff>444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flipV="1">
          <a:off x="16317595" y="5463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5" name="災害復旧事業費最小値テキスト">
          <a:extLst>
            <a:ext uri="{FF2B5EF4-FFF2-40B4-BE49-F238E27FC236}">
              <a16:creationId xmlns:a16="http://schemas.microsoft.com/office/drawing/2014/main" id="{00000000-0008-0000-0600-0000F9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95521</xdr:rowOff>
    </xdr:from>
    <xdr:ext cx="534377" cy="259045"/>
    <xdr:sp macro="" textlink="">
      <xdr:nvSpPr>
        <xdr:cNvPr id="507" name="災害復旧事業費最大値テキスト">
          <a:extLst>
            <a:ext uri="{FF2B5EF4-FFF2-40B4-BE49-F238E27FC236}">
              <a16:creationId xmlns:a16="http://schemas.microsoft.com/office/drawing/2014/main" id="{00000000-0008-0000-0600-0000FB010000}"/>
            </a:ext>
          </a:extLst>
        </xdr:cNvPr>
        <xdr:cNvSpPr txBox="1"/>
      </xdr:nvSpPr>
      <xdr:spPr>
        <a:xfrm>
          <a:off x="16370300" y="5239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5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48844</xdr:rowOff>
    </xdr:from>
    <xdr:to>
      <xdr:col>86</xdr:col>
      <xdr:colOff>25400</xdr:colOff>
      <xdr:row>31</xdr:row>
      <xdr:rowOff>148844</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6230600" y="5463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6811</xdr:rowOff>
    </xdr:from>
    <xdr:to>
      <xdr:col>85</xdr:col>
      <xdr:colOff>127000</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5481300" y="6723361"/>
          <a:ext cx="838200" cy="7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7561</xdr:rowOff>
    </xdr:from>
    <xdr:ext cx="469744" cy="259045"/>
    <xdr:sp macro="" textlink="">
      <xdr:nvSpPr>
        <xdr:cNvPr id="510" name="災害復旧事業費平均値テキスト">
          <a:extLst>
            <a:ext uri="{FF2B5EF4-FFF2-40B4-BE49-F238E27FC236}">
              <a16:creationId xmlns:a16="http://schemas.microsoft.com/office/drawing/2014/main" id="{00000000-0008-0000-0600-0000FE010000}"/>
            </a:ext>
          </a:extLst>
        </xdr:cNvPr>
        <xdr:cNvSpPr txBox="1"/>
      </xdr:nvSpPr>
      <xdr:spPr>
        <a:xfrm>
          <a:off x="16370300" y="64012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4684</xdr:rowOff>
    </xdr:from>
    <xdr:to>
      <xdr:col>85</xdr:col>
      <xdr:colOff>177800</xdr:colOff>
      <xdr:row>38</xdr:row>
      <xdr:rowOff>136284</xdr:rowOff>
    </xdr:to>
    <xdr:sp macro="" textlink="">
      <xdr:nvSpPr>
        <xdr:cNvPr id="511" name="フローチャート: 判断 510">
          <a:extLst>
            <a:ext uri="{FF2B5EF4-FFF2-40B4-BE49-F238E27FC236}">
              <a16:creationId xmlns:a16="http://schemas.microsoft.com/office/drawing/2014/main" id="{00000000-0008-0000-0600-0000FF010000}"/>
            </a:ext>
          </a:extLst>
        </xdr:cNvPr>
        <xdr:cNvSpPr/>
      </xdr:nvSpPr>
      <xdr:spPr>
        <a:xfrm>
          <a:off x="16268700" y="6549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63017</xdr:rowOff>
    </xdr:from>
    <xdr:to>
      <xdr:col>81</xdr:col>
      <xdr:colOff>50800</xdr:colOff>
      <xdr:row>39</xdr:row>
      <xdr:rowOff>36811</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4592300" y="6678117"/>
          <a:ext cx="8890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427</xdr:rowOff>
    </xdr:from>
    <xdr:to>
      <xdr:col>81</xdr:col>
      <xdr:colOff>101600</xdr:colOff>
      <xdr:row>38</xdr:row>
      <xdr:rowOff>135027</xdr:rowOff>
    </xdr:to>
    <xdr:sp macro="" textlink="">
      <xdr:nvSpPr>
        <xdr:cNvPr id="513" name="フローチャート: 判断 512">
          <a:extLst>
            <a:ext uri="{FF2B5EF4-FFF2-40B4-BE49-F238E27FC236}">
              <a16:creationId xmlns:a16="http://schemas.microsoft.com/office/drawing/2014/main" id="{00000000-0008-0000-0600-000001020000}"/>
            </a:ext>
          </a:extLst>
        </xdr:cNvPr>
        <xdr:cNvSpPr/>
      </xdr:nvSpPr>
      <xdr:spPr>
        <a:xfrm>
          <a:off x="154305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553</xdr:rowOff>
    </xdr:from>
    <xdr:ext cx="469744"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5246428" y="6323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63017</xdr:rowOff>
    </xdr:from>
    <xdr:to>
      <xdr:col>76</xdr:col>
      <xdr:colOff>114300</xdr:colOff>
      <xdr:row>39</xdr:row>
      <xdr:rowOff>17152</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flipV="1">
          <a:off x="13703300" y="6678117"/>
          <a:ext cx="889000" cy="25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5125</xdr:rowOff>
    </xdr:from>
    <xdr:to>
      <xdr:col>76</xdr:col>
      <xdr:colOff>165100</xdr:colOff>
      <xdr:row>38</xdr:row>
      <xdr:rowOff>166725</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4541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1802</xdr:rowOff>
    </xdr:from>
    <xdr:ext cx="469744"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4357428" y="6355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17152</xdr:rowOff>
    </xdr:from>
    <xdr:to>
      <xdr:col>71</xdr:col>
      <xdr:colOff>1778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2814300" y="6703702"/>
          <a:ext cx="889000" cy="27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0589</xdr:rowOff>
    </xdr:from>
    <xdr:to>
      <xdr:col>72</xdr:col>
      <xdr:colOff>38100</xdr:colOff>
      <xdr:row>38</xdr:row>
      <xdr:rowOff>142189</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3652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58716</xdr:rowOff>
    </xdr:from>
    <xdr:ext cx="469744"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3468428" y="6330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5717</xdr:rowOff>
    </xdr:from>
    <xdr:to>
      <xdr:col>67</xdr:col>
      <xdr:colOff>101600</xdr:colOff>
      <xdr:row>39</xdr:row>
      <xdr:rowOff>5867</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2763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2394</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2579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28" name="楕円 527">
          <a:extLst>
            <a:ext uri="{FF2B5EF4-FFF2-40B4-BE49-F238E27FC236}">
              <a16:creationId xmlns:a16="http://schemas.microsoft.com/office/drawing/2014/main" id="{00000000-0008-0000-0600-000010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29" name="災害復旧事業費該当値テキスト">
          <a:extLst>
            <a:ext uri="{FF2B5EF4-FFF2-40B4-BE49-F238E27FC236}">
              <a16:creationId xmlns:a16="http://schemas.microsoft.com/office/drawing/2014/main" id="{00000000-0008-0000-0600-000011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461</xdr:rowOff>
    </xdr:from>
    <xdr:to>
      <xdr:col>81</xdr:col>
      <xdr:colOff>101600</xdr:colOff>
      <xdr:row>39</xdr:row>
      <xdr:rowOff>87611</xdr:rowOff>
    </xdr:to>
    <xdr:sp macro="" textlink="">
      <xdr:nvSpPr>
        <xdr:cNvPr id="530" name="楕円 529">
          <a:extLst>
            <a:ext uri="{FF2B5EF4-FFF2-40B4-BE49-F238E27FC236}">
              <a16:creationId xmlns:a16="http://schemas.microsoft.com/office/drawing/2014/main" id="{00000000-0008-0000-0600-000012020000}"/>
            </a:ext>
          </a:extLst>
        </xdr:cNvPr>
        <xdr:cNvSpPr/>
      </xdr:nvSpPr>
      <xdr:spPr>
        <a:xfrm>
          <a:off x="15430500" y="6672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8738</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5292017" y="67652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2217</xdr:rowOff>
    </xdr:from>
    <xdr:to>
      <xdr:col>76</xdr:col>
      <xdr:colOff>165100</xdr:colOff>
      <xdr:row>39</xdr:row>
      <xdr:rowOff>42367</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4541500" y="6627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33494</xdr:rowOff>
    </xdr:from>
    <xdr:ext cx="469744"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4357428" y="6720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37802</xdr:rowOff>
    </xdr:from>
    <xdr:to>
      <xdr:col>72</xdr:col>
      <xdr:colOff>38100</xdr:colOff>
      <xdr:row>39</xdr:row>
      <xdr:rowOff>67952</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3652500" y="665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59079</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74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a16="http://schemas.microsoft.com/office/drawing/2014/main" id="{00000000-0008-0000-06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a16="http://schemas.microsoft.com/office/drawing/2014/main" id="{00000000-0008-0000-06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a16="http://schemas.microsoft.com/office/drawing/2014/main" id="{00000000-0008-0000-06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a16="http://schemas.microsoft.com/office/drawing/2014/main" id="{00000000-0008-0000-06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a16="http://schemas.microsoft.com/office/drawing/2014/main" id="{00000000-0008-0000-06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8" name="直線コネクタ 547">
          <a:extLst>
            <a:ext uri="{FF2B5EF4-FFF2-40B4-BE49-F238E27FC236}">
              <a16:creationId xmlns:a16="http://schemas.microsoft.com/office/drawing/2014/main" id="{00000000-0008-0000-0600-000024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0" name="直線コネクタ 549">
          <a:extLst>
            <a:ext uri="{FF2B5EF4-FFF2-40B4-BE49-F238E27FC236}">
              <a16:creationId xmlns:a16="http://schemas.microsoft.com/office/drawing/2014/main" id="{00000000-0008-0000-0600-00002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2" name="失業対策事業費グラフ枠">
          <a:extLst>
            <a:ext uri="{FF2B5EF4-FFF2-40B4-BE49-F238E27FC236}">
              <a16:creationId xmlns:a16="http://schemas.microsoft.com/office/drawing/2014/main" id="{00000000-0008-0000-0600-00002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4" name="失業対策事業費最小値テキスト">
          <a:extLst>
            <a:ext uri="{FF2B5EF4-FFF2-40B4-BE49-F238E27FC236}">
              <a16:creationId xmlns:a16="http://schemas.microsoft.com/office/drawing/2014/main" id="{00000000-0008-0000-0600-00002A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6" name="失業対策事業費最大値テキスト">
          <a:extLst>
            <a:ext uri="{FF2B5EF4-FFF2-40B4-BE49-F238E27FC236}">
              <a16:creationId xmlns:a16="http://schemas.microsoft.com/office/drawing/2014/main" id="{00000000-0008-0000-0600-00002C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9" name="失業対策事業費平均値テキスト">
          <a:extLst>
            <a:ext uri="{FF2B5EF4-FFF2-40B4-BE49-F238E27FC236}">
              <a16:creationId xmlns:a16="http://schemas.microsoft.com/office/drawing/2014/main" id="{00000000-0008-0000-0600-00002F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0" name="フローチャート: 判断 559">
          <a:extLst>
            <a:ext uri="{FF2B5EF4-FFF2-40B4-BE49-F238E27FC236}">
              <a16:creationId xmlns:a16="http://schemas.microsoft.com/office/drawing/2014/main" id="{00000000-0008-0000-0600-000030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2" name="フローチャート: 判断 561">
          <a:extLst>
            <a:ext uri="{FF2B5EF4-FFF2-40B4-BE49-F238E27FC236}">
              <a16:creationId xmlns:a16="http://schemas.microsoft.com/office/drawing/2014/main" id="{00000000-0008-0000-0600-000032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楕円 576">
          <a:extLst>
            <a:ext uri="{FF2B5EF4-FFF2-40B4-BE49-F238E27FC236}">
              <a16:creationId xmlns:a16="http://schemas.microsoft.com/office/drawing/2014/main" id="{00000000-0008-0000-0600-000041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8" name="失業対策事業費該当値テキスト">
          <a:extLst>
            <a:ext uri="{FF2B5EF4-FFF2-40B4-BE49-F238E27FC236}">
              <a16:creationId xmlns:a16="http://schemas.microsoft.com/office/drawing/2014/main" id="{00000000-0008-0000-0600-000042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9" name="楕円 578">
          <a:extLst>
            <a:ext uri="{FF2B5EF4-FFF2-40B4-BE49-F238E27FC236}">
              <a16:creationId xmlns:a16="http://schemas.microsoft.com/office/drawing/2014/main" id="{00000000-0008-0000-0600-000043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7" name="正方形/長方形 586">
          <a:extLst>
            <a:ext uri="{FF2B5EF4-FFF2-40B4-BE49-F238E27FC236}">
              <a16:creationId xmlns:a16="http://schemas.microsoft.com/office/drawing/2014/main" id="{00000000-0008-0000-0600-00004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8" name="正方形/長方形 587">
          <a:extLst>
            <a:ext uri="{FF2B5EF4-FFF2-40B4-BE49-F238E27FC236}">
              <a16:creationId xmlns:a16="http://schemas.microsoft.com/office/drawing/2014/main" id="{00000000-0008-0000-0600-00004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9" name="正方形/長方形 588">
          <a:extLst>
            <a:ext uri="{FF2B5EF4-FFF2-40B4-BE49-F238E27FC236}">
              <a16:creationId xmlns:a16="http://schemas.microsoft.com/office/drawing/2014/main" id="{00000000-0008-0000-0600-00004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0" name="正方形/長方形 589">
          <a:extLst>
            <a:ext uri="{FF2B5EF4-FFF2-40B4-BE49-F238E27FC236}">
              <a16:creationId xmlns:a16="http://schemas.microsoft.com/office/drawing/2014/main" id="{00000000-0008-0000-0600-00004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6" name="直線コネクタ 595">
          <a:extLst>
            <a:ext uri="{FF2B5EF4-FFF2-40B4-BE49-F238E27FC236}">
              <a16:creationId xmlns:a16="http://schemas.microsoft.com/office/drawing/2014/main" id="{00000000-0008-0000-0600-00005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7" name="直線コネクタ 596">
          <a:extLst>
            <a:ext uri="{FF2B5EF4-FFF2-40B4-BE49-F238E27FC236}">
              <a16:creationId xmlns:a16="http://schemas.microsoft.com/office/drawing/2014/main" id="{00000000-0008-0000-0600-00005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9" name="直線コネクタ 598">
          <a:extLst>
            <a:ext uri="{FF2B5EF4-FFF2-40B4-BE49-F238E27FC236}">
              <a16:creationId xmlns:a16="http://schemas.microsoft.com/office/drawing/2014/main" id="{00000000-0008-0000-0600-00005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9" name="公債費グラフ枠">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6858</xdr:rowOff>
    </xdr:from>
    <xdr:to>
      <xdr:col>85</xdr:col>
      <xdr:colOff>126364</xdr:colOff>
      <xdr:row>79</xdr:row>
      <xdr:rowOff>11768</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flipV="1">
          <a:off x="16317595" y="12249808"/>
          <a:ext cx="1269" cy="1306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5595</xdr:rowOff>
    </xdr:from>
    <xdr:ext cx="469744" cy="259045"/>
    <xdr:sp macro="" textlink="">
      <xdr:nvSpPr>
        <xdr:cNvPr id="611" name="公債費最小値テキスト">
          <a:extLst>
            <a:ext uri="{FF2B5EF4-FFF2-40B4-BE49-F238E27FC236}">
              <a16:creationId xmlns:a16="http://schemas.microsoft.com/office/drawing/2014/main" id="{00000000-0008-0000-0600-000063020000}"/>
            </a:ext>
          </a:extLst>
        </xdr:cNvPr>
        <xdr:cNvSpPr txBox="1"/>
      </xdr:nvSpPr>
      <xdr:spPr>
        <a:xfrm>
          <a:off x="16370300" y="1356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1768</xdr:rowOff>
    </xdr:from>
    <xdr:to>
      <xdr:col>86</xdr:col>
      <xdr:colOff>25400</xdr:colOff>
      <xdr:row>79</xdr:row>
      <xdr:rowOff>11768</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6230600" y="13556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3535</xdr:rowOff>
    </xdr:from>
    <xdr:ext cx="599010" cy="259045"/>
    <xdr:sp macro="" textlink="">
      <xdr:nvSpPr>
        <xdr:cNvPr id="613" name="公債費最大値テキスト">
          <a:extLst>
            <a:ext uri="{FF2B5EF4-FFF2-40B4-BE49-F238E27FC236}">
              <a16:creationId xmlns:a16="http://schemas.microsoft.com/office/drawing/2014/main" id="{00000000-0008-0000-0600-000065020000}"/>
            </a:ext>
          </a:extLst>
        </xdr:cNvPr>
        <xdr:cNvSpPr txBox="1"/>
      </xdr:nvSpPr>
      <xdr:spPr>
        <a:xfrm>
          <a:off x="16370300" y="12025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6858</xdr:rowOff>
    </xdr:from>
    <xdr:to>
      <xdr:col>86</xdr:col>
      <xdr:colOff>25400</xdr:colOff>
      <xdr:row>71</xdr:row>
      <xdr:rowOff>76858</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6230600" y="12249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9701</xdr:rowOff>
    </xdr:from>
    <xdr:to>
      <xdr:col>85</xdr:col>
      <xdr:colOff>127000</xdr:colOff>
      <xdr:row>77</xdr:row>
      <xdr:rowOff>104267</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5481300" y="13281351"/>
          <a:ext cx="838200" cy="2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49902</xdr:rowOff>
    </xdr:from>
    <xdr:ext cx="534377" cy="259045"/>
    <xdr:sp macro="" textlink="">
      <xdr:nvSpPr>
        <xdr:cNvPr id="616" name="公債費平均値テキスト">
          <a:extLst>
            <a:ext uri="{FF2B5EF4-FFF2-40B4-BE49-F238E27FC236}">
              <a16:creationId xmlns:a16="http://schemas.microsoft.com/office/drawing/2014/main" id="{00000000-0008-0000-0600-000068020000}"/>
            </a:ext>
          </a:extLst>
        </xdr:cNvPr>
        <xdr:cNvSpPr txBox="1"/>
      </xdr:nvSpPr>
      <xdr:spPr>
        <a:xfrm>
          <a:off x="16370300" y="129086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7026</xdr:rowOff>
    </xdr:from>
    <xdr:to>
      <xdr:col>85</xdr:col>
      <xdr:colOff>177800</xdr:colOff>
      <xdr:row>76</xdr:row>
      <xdr:rowOff>128626</xdr:rowOff>
    </xdr:to>
    <xdr:sp macro="" textlink="">
      <xdr:nvSpPr>
        <xdr:cNvPr id="617" name="フローチャート: 判断 616">
          <a:extLst>
            <a:ext uri="{FF2B5EF4-FFF2-40B4-BE49-F238E27FC236}">
              <a16:creationId xmlns:a16="http://schemas.microsoft.com/office/drawing/2014/main" id="{00000000-0008-0000-0600-000069020000}"/>
            </a:ext>
          </a:extLst>
        </xdr:cNvPr>
        <xdr:cNvSpPr/>
      </xdr:nvSpPr>
      <xdr:spPr>
        <a:xfrm>
          <a:off x="16268700" y="1305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4267</xdr:rowOff>
    </xdr:from>
    <xdr:to>
      <xdr:col>81</xdr:col>
      <xdr:colOff>50800</xdr:colOff>
      <xdr:row>77</xdr:row>
      <xdr:rowOff>11703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4592300" y="13305917"/>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2316</xdr:rowOff>
    </xdr:from>
    <xdr:to>
      <xdr:col>81</xdr:col>
      <xdr:colOff>101600</xdr:colOff>
      <xdr:row>76</xdr:row>
      <xdr:rowOff>153916</xdr:rowOff>
    </xdr:to>
    <xdr:sp macro="" textlink="">
      <xdr:nvSpPr>
        <xdr:cNvPr id="619" name="フローチャート: 判断 618">
          <a:extLst>
            <a:ext uri="{FF2B5EF4-FFF2-40B4-BE49-F238E27FC236}">
              <a16:creationId xmlns:a16="http://schemas.microsoft.com/office/drawing/2014/main" id="{00000000-0008-0000-0600-00006B020000}"/>
            </a:ext>
          </a:extLst>
        </xdr:cNvPr>
        <xdr:cNvSpPr/>
      </xdr:nvSpPr>
      <xdr:spPr>
        <a:xfrm>
          <a:off x="15430500" y="13082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0443</xdr:rowOff>
    </xdr:from>
    <xdr:ext cx="534377"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5214111" y="12857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7030</xdr:rowOff>
    </xdr:from>
    <xdr:to>
      <xdr:col>76</xdr:col>
      <xdr:colOff>114300</xdr:colOff>
      <xdr:row>77</xdr:row>
      <xdr:rowOff>14774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3703300" y="13318680"/>
          <a:ext cx="8890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66810</xdr:rowOff>
    </xdr:from>
    <xdr:to>
      <xdr:col>76</xdr:col>
      <xdr:colOff>165100</xdr:colOff>
      <xdr:row>76</xdr:row>
      <xdr:rowOff>168410</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45415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3487</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4325111" y="12872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7871</xdr:rowOff>
    </xdr:from>
    <xdr:to>
      <xdr:col>71</xdr:col>
      <xdr:colOff>177800</xdr:colOff>
      <xdr:row>77</xdr:row>
      <xdr:rowOff>14774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814300" y="13339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96101</xdr:rowOff>
    </xdr:from>
    <xdr:to>
      <xdr:col>72</xdr:col>
      <xdr:colOff>38100</xdr:colOff>
      <xdr:row>77</xdr:row>
      <xdr:rowOff>26251</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3652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42778</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3436111" y="1290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9048</xdr:rowOff>
    </xdr:from>
    <xdr:to>
      <xdr:col>67</xdr:col>
      <xdr:colOff>101600</xdr:colOff>
      <xdr:row>77</xdr:row>
      <xdr:rowOff>3919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2763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5725</xdr:rowOff>
    </xdr:from>
    <xdr:ext cx="534377"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2547111" y="1291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901</xdr:rowOff>
    </xdr:from>
    <xdr:to>
      <xdr:col>85</xdr:col>
      <xdr:colOff>177800</xdr:colOff>
      <xdr:row>77</xdr:row>
      <xdr:rowOff>130501</xdr:rowOff>
    </xdr:to>
    <xdr:sp macro="" textlink="">
      <xdr:nvSpPr>
        <xdr:cNvPr id="634" name="楕円 633">
          <a:extLst>
            <a:ext uri="{FF2B5EF4-FFF2-40B4-BE49-F238E27FC236}">
              <a16:creationId xmlns:a16="http://schemas.microsoft.com/office/drawing/2014/main" id="{00000000-0008-0000-0600-00007A020000}"/>
            </a:ext>
          </a:extLst>
        </xdr:cNvPr>
        <xdr:cNvSpPr/>
      </xdr:nvSpPr>
      <xdr:spPr>
        <a:xfrm>
          <a:off x="16268700" y="13230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7328</xdr:rowOff>
    </xdr:from>
    <xdr:ext cx="534377" cy="259045"/>
    <xdr:sp macro="" textlink="">
      <xdr:nvSpPr>
        <xdr:cNvPr id="635" name="公債費該当値テキスト">
          <a:extLst>
            <a:ext uri="{FF2B5EF4-FFF2-40B4-BE49-F238E27FC236}">
              <a16:creationId xmlns:a16="http://schemas.microsoft.com/office/drawing/2014/main" id="{00000000-0008-0000-0600-00007B020000}"/>
            </a:ext>
          </a:extLst>
        </xdr:cNvPr>
        <xdr:cNvSpPr txBox="1"/>
      </xdr:nvSpPr>
      <xdr:spPr>
        <a:xfrm>
          <a:off x="16370300" y="13208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3467</xdr:rowOff>
    </xdr:from>
    <xdr:to>
      <xdr:col>81</xdr:col>
      <xdr:colOff>101600</xdr:colOff>
      <xdr:row>77</xdr:row>
      <xdr:rowOff>155067</xdr:rowOff>
    </xdr:to>
    <xdr:sp macro="" textlink="">
      <xdr:nvSpPr>
        <xdr:cNvPr id="636" name="楕円 635">
          <a:extLst>
            <a:ext uri="{FF2B5EF4-FFF2-40B4-BE49-F238E27FC236}">
              <a16:creationId xmlns:a16="http://schemas.microsoft.com/office/drawing/2014/main" id="{00000000-0008-0000-0600-00007C020000}"/>
            </a:ext>
          </a:extLst>
        </xdr:cNvPr>
        <xdr:cNvSpPr/>
      </xdr:nvSpPr>
      <xdr:spPr>
        <a:xfrm>
          <a:off x="15430500" y="13255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6194</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3347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6230</xdr:rowOff>
    </xdr:from>
    <xdr:to>
      <xdr:col>76</xdr:col>
      <xdr:colOff>165100</xdr:colOff>
      <xdr:row>77</xdr:row>
      <xdr:rowOff>167830</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4541500" y="1326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58957</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4325111" y="13360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6940</xdr:rowOff>
    </xdr:from>
    <xdr:to>
      <xdr:col>72</xdr:col>
      <xdr:colOff>38100</xdr:colOff>
      <xdr:row>78</xdr:row>
      <xdr:rowOff>27090</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3652500" y="1329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8217</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436111" y="1339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7071</xdr:rowOff>
    </xdr:from>
    <xdr:to>
      <xdr:col>67</xdr:col>
      <xdr:colOff>101600</xdr:colOff>
      <xdr:row>78</xdr:row>
      <xdr:rowOff>17221</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27635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8348</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547111" y="133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4" name="正方形/長方形 643">
          <a:extLst>
            <a:ext uri="{FF2B5EF4-FFF2-40B4-BE49-F238E27FC236}">
              <a16:creationId xmlns:a16="http://schemas.microsoft.com/office/drawing/2014/main" id="{00000000-0008-0000-0600-00008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5" name="正方形/長方形 644">
          <a:extLst>
            <a:ext uri="{FF2B5EF4-FFF2-40B4-BE49-F238E27FC236}">
              <a16:creationId xmlns:a16="http://schemas.microsoft.com/office/drawing/2014/main" id="{00000000-0008-0000-0600-00008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6" name="正方形/長方形 645">
          <a:extLst>
            <a:ext uri="{FF2B5EF4-FFF2-40B4-BE49-F238E27FC236}">
              <a16:creationId xmlns:a16="http://schemas.microsoft.com/office/drawing/2014/main" id="{00000000-0008-0000-0600-00008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3" name="直線コネクタ 652">
          <a:extLst>
            <a:ext uri="{FF2B5EF4-FFF2-40B4-BE49-F238E27FC236}">
              <a16:creationId xmlns:a16="http://schemas.microsoft.com/office/drawing/2014/main" id="{00000000-0008-0000-0600-00008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4" name="直線コネクタ 653">
          <a:extLst>
            <a:ext uri="{FF2B5EF4-FFF2-40B4-BE49-F238E27FC236}">
              <a16:creationId xmlns:a16="http://schemas.microsoft.com/office/drawing/2014/main" id="{00000000-0008-0000-0600-00008E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28532</xdr:rowOff>
    </xdr:from>
    <xdr:to>
      <xdr:col>85</xdr:col>
      <xdr:colOff>126364</xdr:colOff>
      <xdr:row>98</xdr:row>
      <xdr:rowOff>130652</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flipV="1">
          <a:off x="16317595" y="15801932"/>
          <a:ext cx="1269" cy="1130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4479</xdr:rowOff>
    </xdr:from>
    <xdr:ext cx="469744" cy="259045"/>
    <xdr:sp macro="" textlink="">
      <xdr:nvSpPr>
        <xdr:cNvPr id="666" name="積立金最小値テキスト">
          <a:extLst>
            <a:ext uri="{FF2B5EF4-FFF2-40B4-BE49-F238E27FC236}">
              <a16:creationId xmlns:a16="http://schemas.microsoft.com/office/drawing/2014/main" id="{00000000-0008-0000-0600-00009A020000}"/>
            </a:ext>
          </a:extLst>
        </xdr:cNvPr>
        <xdr:cNvSpPr txBox="1"/>
      </xdr:nvSpPr>
      <xdr:spPr>
        <a:xfrm>
          <a:off x="16370300" y="16936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0652</xdr:rowOff>
    </xdr:from>
    <xdr:to>
      <xdr:col>86</xdr:col>
      <xdr:colOff>25400</xdr:colOff>
      <xdr:row>98</xdr:row>
      <xdr:rowOff>130652</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6230600" y="16932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46659</xdr:rowOff>
    </xdr:from>
    <xdr:ext cx="599010" cy="259045"/>
    <xdr:sp macro="" textlink="">
      <xdr:nvSpPr>
        <xdr:cNvPr id="668" name="積立金最大値テキスト">
          <a:extLst>
            <a:ext uri="{FF2B5EF4-FFF2-40B4-BE49-F238E27FC236}">
              <a16:creationId xmlns:a16="http://schemas.microsoft.com/office/drawing/2014/main" id="{00000000-0008-0000-0600-00009C020000}"/>
            </a:ext>
          </a:extLst>
        </xdr:cNvPr>
        <xdr:cNvSpPr txBox="1"/>
      </xdr:nvSpPr>
      <xdr:spPr>
        <a:xfrm>
          <a:off x="16370300" y="15577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28532</xdr:rowOff>
    </xdr:from>
    <xdr:to>
      <xdr:col>86</xdr:col>
      <xdr:colOff>25400</xdr:colOff>
      <xdr:row>92</xdr:row>
      <xdr:rowOff>28532</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6230600" y="15801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3347</xdr:rowOff>
    </xdr:from>
    <xdr:to>
      <xdr:col>85</xdr:col>
      <xdr:colOff>127000</xdr:colOff>
      <xdr:row>97</xdr:row>
      <xdr:rowOff>155761</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5481300" y="16783997"/>
          <a:ext cx="838200" cy="2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0636</xdr:rowOff>
    </xdr:from>
    <xdr:ext cx="534377" cy="259045"/>
    <xdr:sp macro="" textlink="">
      <xdr:nvSpPr>
        <xdr:cNvPr id="671" name="積立金平均値テキスト">
          <a:extLst>
            <a:ext uri="{FF2B5EF4-FFF2-40B4-BE49-F238E27FC236}">
              <a16:creationId xmlns:a16="http://schemas.microsoft.com/office/drawing/2014/main" id="{00000000-0008-0000-0600-00009F020000}"/>
            </a:ext>
          </a:extLst>
        </xdr:cNvPr>
        <xdr:cNvSpPr txBox="1"/>
      </xdr:nvSpPr>
      <xdr:spPr>
        <a:xfrm>
          <a:off x="16370300" y="16549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7759</xdr:rowOff>
    </xdr:from>
    <xdr:to>
      <xdr:col>85</xdr:col>
      <xdr:colOff>177800</xdr:colOff>
      <xdr:row>97</xdr:row>
      <xdr:rowOff>169359</xdr:rowOff>
    </xdr:to>
    <xdr:sp macro="" textlink="">
      <xdr:nvSpPr>
        <xdr:cNvPr id="672" name="フローチャート: 判断 671">
          <a:extLst>
            <a:ext uri="{FF2B5EF4-FFF2-40B4-BE49-F238E27FC236}">
              <a16:creationId xmlns:a16="http://schemas.microsoft.com/office/drawing/2014/main" id="{00000000-0008-0000-0600-0000A0020000}"/>
            </a:ext>
          </a:extLst>
        </xdr:cNvPr>
        <xdr:cNvSpPr/>
      </xdr:nvSpPr>
      <xdr:spPr>
        <a:xfrm>
          <a:off x="16268700" y="16698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3351</xdr:rowOff>
    </xdr:from>
    <xdr:to>
      <xdr:col>81</xdr:col>
      <xdr:colOff>50800</xdr:colOff>
      <xdr:row>97</xdr:row>
      <xdr:rowOff>153347</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4592300" y="16744001"/>
          <a:ext cx="889000" cy="39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9521</xdr:rowOff>
    </xdr:from>
    <xdr:to>
      <xdr:col>81</xdr:col>
      <xdr:colOff>101600</xdr:colOff>
      <xdr:row>97</xdr:row>
      <xdr:rowOff>151121</xdr:rowOff>
    </xdr:to>
    <xdr:sp macro="" textlink="">
      <xdr:nvSpPr>
        <xdr:cNvPr id="674" name="フローチャート: 判断 673">
          <a:extLst>
            <a:ext uri="{FF2B5EF4-FFF2-40B4-BE49-F238E27FC236}">
              <a16:creationId xmlns:a16="http://schemas.microsoft.com/office/drawing/2014/main" id="{00000000-0008-0000-0600-0000A2020000}"/>
            </a:ext>
          </a:extLst>
        </xdr:cNvPr>
        <xdr:cNvSpPr/>
      </xdr:nvSpPr>
      <xdr:spPr>
        <a:xfrm>
          <a:off x="15430500" y="1668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7648</xdr:rowOff>
    </xdr:from>
    <xdr:ext cx="534377"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5214111" y="1645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3351</xdr:rowOff>
    </xdr:from>
    <xdr:to>
      <xdr:col>76</xdr:col>
      <xdr:colOff>114300</xdr:colOff>
      <xdr:row>98</xdr:row>
      <xdr:rowOff>125495</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3703300" y="16744001"/>
          <a:ext cx="889000" cy="183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35365</xdr:rowOff>
    </xdr:from>
    <xdr:to>
      <xdr:col>76</xdr:col>
      <xdr:colOff>165100</xdr:colOff>
      <xdr:row>98</xdr:row>
      <xdr:rowOff>65515</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4541500" y="16766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6642</xdr:rowOff>
    </xdr:from>
    <xdr:ext cx="534377"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4325111" y="16858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3196</xdr:rowOff>
    </xdr:from>
    <xdr:to>
      <xdr:col>71</xdr:col>
      <xdr:colOff>177800</xdr:colOff>
      <xdr:row>98</xdr:row>
      <xdr:rowOff>12549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814300" y="16925296"/>
          <a:ext cx="889000" cy="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909</xdr:rowOff>
    </xdr:from>
    <xdr:to>
      <xdr:col>72</xdr:col>
      <xdr:colOff>38100</xdr:colOff>
      <xdr:row>98</xdr:row>
      <xdr:rowOff>73059</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3652500" y="16773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9586</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3436111" y="16548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3650</xdr:rowOff>
    </xdr:from>
    <xdr:to>
      <xdr:col>67</xdr:col>
      <xdr:colOff>101600</xdr:colOff>
      <xdr:row>98</xdr:row>
      <xdr:rowOff>7380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2763500" y="167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032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2547111" y="16549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4961</xdr:rowOff>
    </xdr:from>
    <xdr:to>
      <xdr:col>85</xdr:col>
      <xdr:colOff>177800</xdr:colOff>
      <xdr:row>98</xdr:row>
      <xdr:rowOff>35111</xdr:rowOff>
    </xdr:to>
    <xdr:sp macro="" textlink="">
      <xdr:nvSpPr>
        <xdr:cNvPr id="689" name="楕円 688">
          <a:extLst>
            <a:ext uri="{FF2B5EF4-FFF2-40B4-BE49-F238E27FC236}">
              <a16:creationId xmlns:a16="http://schemas.microsoft.com/office/drawing/2014/main" id="{00000000-0008-0000-0600-0000B1020000}"/>
            </a:ext>
          </a:extLst>
        </xdr:cNvPr>
        <xdr:cNvSpPr/>
      </xdr:nvSpPr>
      <xdr:spPr>
        <a:xfrm>
          <a:off x="16268700" y="16735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3388</xdr:rowOff>
    </xdr:from>
    <xdr:ext cx="534377" cy="259045"/>
    <xdr:sp macro="" textlink="">
      <xdr:nvSpPr>
        <xdr:cNvPr id="690" name="積立金該当値テキスト">
          <a:extLst>
            <a:ext uri="{FF2B5EF4-FFF2-40B4-BE49-F238E27FC236}">
              <a16:creationId xmlns:a16="http://schemas.microsoft.com/office/drawing/2014/main" id="{00000000-0008-0000-0600-0000B2020000}"/>
            </a:ext>
          </a:extLst>
        </xdr:cNvPr>
        <xdr:cNvSpPr txBox="1"/>
      </xdr:nvSpPr>
      <xdr:spPr>
        <a:xfrm>
          <a:off x="16370300" y="16714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2547</xdr:rowOff>
    </xdr:from>
    <xdr:to>
      <xdr:col>81</xdr:col>
      <xdr:colOff>101600</xdr:colOff>
      <xdr:row>98</xdr:row>
      <xdr:rowOff>32697</xdr:rowOff>
    </xdr:to>
    <xdr:sp macro="" textlink="">
      <xdr:nvSpPr>
        <xdr:cNvPr id="691" name="楕円 690">
          <a:extLst>
            <a:ext uri="{FF2B5EF4-FFF2-40B4-BE49-F238E27FC236}">
              <a16:creationId xmlns:a16="http://schemas.microsoft.com/office/drawing/2014/main" id="{00000000-0008-0000-0600-0000B3020000}"/>
            </a:ext>
          </a:extLst>
        </xdr:cNvPr>
        <xdr:cNvSpPr/>
      </xdr:nvSpPr>
      <xdr:spPr>
        <a:xfrm>
          <a:off x="15430500" y="1673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3824</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825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2551</xdr:rowOff>
    </xdr:from>
    <xdr:to>
      <xdr:col>76</xdr:col>
      <xdr:colOff>165100</xdr:colOff>
      <xdr:row>97</xdr:row>
      <xdr:rowOff>164151</xdr:rowOff>
    </xdr:to>
    <xdr:sp macro="" textlink="">
      <xdr:nvSpPr>
        <xdr:cNvPr id="693" name="楕円 692">
          <a:extLst>
            <a:ext uri="{FF2B5EF4-FFF2-40B4-BE49-F238E27FC236}">
              <a16:creationId xmlns:a16="http://schemas.microsoft.com/office/drawing/2014/main" id="{00000000-0008-0000-0600-0000B5020000}"/>
            </a:ext>
          </a:extLst>
        </xdr:cNvPr>
        <xdr:cNvSpPr/>
      </xdr:nvSpPr>
      <xdr:spPr>
        <a:xfrm>
          <a:off x="14541500" y="16693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228</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4325111" y="16468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4695</xdr:rowOff>
    </xdr:from>
    <xdr:to>
      <xdr:col>72</xdr:col>
      <xdr:colOff>38100</xdr:colOff>
      <xdr:row>99</xdr:row>
      <xdr:rowOff>4845</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3652500" y="16876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67422</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3468428" y="16969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2396</xdr:rowOff>
    </xdr:from>
    <xdr:to>
      <xdr:col>67</xdr:col>
      <xdr:colOff>101600</xdr:colOff>
      <xdr:row>99</xdr:row>
      <xdr:rowOff>2546</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2763500" y="16874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65123</xdr:rowOff>
    </xdr:from>
    <xdr:ext cx="469744"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579428" y="1696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09" name="直線コネクタ 708">
          <a:extLst>
            <a:ext uri="{FF2B5EF4-FFF2-40B4-BE49-F238E27FC236}">
              <a16:creationId xmlns:a16="http://schemas.microsoft.com/office/drawing/2014/main" id="{00000000-0008-0000-0600-0000C5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1" name="直線コネクタ 710">
          <a:extLst>
            <a:ext uri="{FF2B5EF4-FFF2-40B4-BE49-F238E27FC236}">
              <a16:creationId xmlns:a16="http://schemas.microsoft.com/office/drawing/2014/main" id="{00000000-0008-0000-0600-0000C7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14" name="テキスト ボックス 713">
          <a:extLst>
            <a:ext uri="{FF2B5EF4-FFF2-40B4-BE49-F238E27FC236}">
              <a16:creationId xmlns:a16="http://schemas.microsoft.com/office/drawing/2014/main" id="{00000000-0008-0000-0600-0000CA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1" name="投資及び出資金グラフ枠">
          <a:extLst>
            <a:ext uri="{FF2B5EF4-FFF2-40B4-BE49-F238E27FC236}">
              <a16:creationId xmlns:a16="http://schemas.microsoft.com/office/drawing/2014/main" id="{00000000-0008-0000-0600-0000D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1453</xdr:rowOff>
    </xdr:from>
    <xdr:to>
      <xdr:col>116</xdr:col>
      <xdr:colOff>62864</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flipV="1">
          <a:off x="22159595" y="5456403"/>
          <a:ext cx="1269" cy="12745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3" name="投資及び出資金最小値テキスト">
          <a:extLst>
            <a:ext uri="{FF2B5EF4-FFF2-40B4-BE49-F238E27FC236}">
              <a16:creationId xmlns:a16="http://schemas.microsoft.com/office/drawing/2014/main" id="{00000000-0008-0000-0600-0000D3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8130</xdr:rowOff>
    </xdr:from>
    <xdr:ext cx="534377" cy="259045"/>
    <xdr:sp macro="" textlink="">
      <xdr:nvSpPr>
        <xdr:cNvPr id="725" name="投資及び出資金最大値テキスト">
          <a:extLst>
            <a:ext uri="{FF2B5EF4-FFF2-40B4-BE49-F238E27FC236}">
              <a16:creationId xmlns:a16="http://schemas.microsoft.com/office/drawing/2014/main" id="{00000000-0008-0000-0600-0000D5020000}"/>
            </a:ext>
          </a:extLst>
        </xdr:cNvPr>
        <xdr:cNvSpPr txBox="1"/>
      </xdr:nvSpPr>
      <xdr:spPr>
        <a:xfrm>
          <a:off x="22212300" y="5231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1453</xdr:rowOff>
    </xdr:from>
    <xdr:to>
      <xdr:col>116</xdr:col>
      <xdr:colOff>152400</xdr:colOff>
      <xdr:row>31</xdr:row>
      <xdr:rowOff>141453</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22072600" y="5456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9123</xdr:rowOff>
    </xdr:from>
    <xdr:ext cx="469744" cy="259045"/>
    <xdr:sp macro="" textlink="">
      <xdr:nvSpPr>
        <xdr:cNvPr id="728" name="投資及び出資金平均値テキスト">
          <a:extLst>
            <a:ext uri="{FF2B5EF4-FFF2-40B4-BE49-F238E27FC236}">
              <a16:creationId xmlns:a16="http://schemas.microsoft.com/office/drawing/2014/main" id="{00000000-0008-0000-0600-0000D8020000}"/>
            </a:ext>
          </a:extLst>
        </xdr:cNvPr>
        <xdr:cNvSpPr txBox="1"/>
      </xdr:nvSpPr>
      <xdr:spPr>
        <a:xfrm>
          <a:off x="22212300" y="64027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6246</xdr:rowOff>
    </xdr:from>
    <xdr:to>
      <xdr:col>116</xdr:col>
      <xdr:colOff>114300</xdr:colOff>
      <xdr:row>38</xdr:row>
      <xdr:rowOff>137846</xdr:rowOff>
    </xdr:to>
    <xdr:sp macro="" textlink="">
      <xdr:nvSpPr>
        <xdr:cNvPr id="729" name="フローチャート: 判断 728">
          <a:extLst>
            <a:ext uri="{FF2B5EF4-FFF2-40B4-BE49-F238E27FC236}">
              <a16:creationId xmlns:a16="http://schemas.microsoft.com/office/drawing/2014/main" id="{00000000-0008-0000-0600-0000D9020000}"/>
            </a:ext>
          </a:extLst>
        </xdr:cNvPr>
        <xdr:cNvSpPr/>
      </xdr:nvSpPr>
      <xdr:spPr>
        <a:xfrm>
          <a:off x="22110700" y="655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6814</xdr:rowOff>
    </xdr:from>
    <xdr:to>
      <xdr:col>112</xdr:col>
      <xdr:colOff>38100</xdr:colOff>
      <xdr:row>38</xdr:row>
      <xdr:rowOff>118414</xdr:rowOff>
    </xdr:to>
    <xdr:sp macro="" textlink="">
      <xdr:nvSpPr>
        <xdr:cNvPr id="731" name="フローチャート: 判断 730">
          <a:extLst>
            <a:ext uri="{FF2B5EF4-FFF2-40B4-BE49-F238E27FC236}">
              <a16:creationId xmlns:a16="http://schemas.microsoft.com/office/drawing/2014/main" id="{00000000-0008-0000-0600-0000DB020000}"/>
            </a:ext>
          </a:extLst>
        </xdr:cNvPr>
        <xdr:cNvSpPr/>
      </xdr:nvSpPr>
      <xdr:spPr>
        <a:xfrm>
          <a:off x="21272500" y="653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4942</xdr:rowOff>
    </xdr:from>
    <xdr:ext cx="469744"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21088428" y="63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70</xdr:rowOff>
    </xdr:from>
    <xdr:to>
      <xdr:col>107</xdr:col>
      <xdr:colOff>101600</xdr:colOff>
      <xdr:row>38</xdr:row>
      <xdr:rowOff>102870</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0383500" y="6516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19397</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0199428" y="6291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2204</xdr:rowOff>
    </xdr:from>
    <xdr:to>
      <xdr:col>102</xdr:col>
      <xdr:colOff>165100</xdr:colOff>
      <xdr:row>38</xdr:row>
      <xdr:rowOff>92354</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19494500" y="6505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881</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9310428" y="6281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3723</xdr:rowOff>
    </xdr:from>
    <xdr:to>
      <xdr:col>98</xdr:col>
      <xdr:colOff>38100</xdr:colOff>
      <xdr:row>38</xdr:row>
      <xdr:rowOff>53873</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18605500" y="6467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70400</xdr:rowOff>
    </xdr:from>
    <xdr:ext cx="469744"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8421428" y="6242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46" name="楕円 745">
          <a:extLst>
            <a:ext uri="{FF2B5EF4-FFF2-40B4-BE49-F238E27FC236}">
              <a16:creationId xmlns:a16="http://schemas.microsoft.com/office/drawing/2014/main" id="{00000000-0008-0000-0600-0000EA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47" name="投資及び出資金該当値テキスト">
          <a:extLst>
            <a:ext uri="{FF2B5EF4-FFF2-40B4-BE49-F238E27FC236}">
              <a16:creationId xmlns:a16="http://schemas.microsoft.com/office/drawing/2014/main" id="{00000000-0008-0000-0600-0000E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48" name="楕円 747">
          <a:extLst>
            <a:ext uri="{FF2B5EF4-FFF2-40B4-BE49-F238E27FC236}">
              <a16:creationId xmlns:a16="http://schemas.microsoft.com/office/drawing/2014/main" id="{00000000-0008-0000-0600-0000EC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0" name="楕円 749">
          <a:extLst>
            <a:ext uri="{FF2B5EF4-FFF2-40B4-BE49-F238E27FC236}">
              <a16:creationId xmlns:a16="http://schemas.microsoft.com/office/drawing/2014/main" id="{00000000-0008-0000-0600-0000EE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6" name="正方形/長方形 755">
          <a:extLst>
            <a:ext uri="{FF2B5EF4-FFF2-40B4-BE49-F238E27FC236}">
              <a16:creationId xmlns:a16="http://schemas.microsoft.com/office/drawing/2014/main" id="{00000000-0008-0000-0600-0000F4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7" name="正方形/長方形 756">
          <a:extLst>
            <a:ext uri="{FF2B5EF4-FFF2-40B4-BE49-F238E27FC236}">
              <a16:creationId xmlns:a16="http://schemas.microsoft.com/office/drawing/2014/main" id="{00000000-0008-0000-0600-0000F5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8" name="正方形/長方形 757">
          <a:extLst>
            <a:ext uri="{FF2B5EF4-FFF2-40B4-BE49-F238E27FC236}">
              <a16:creationId xmlns:a16="http://schemas.microsoft.com/office/drawing/2014/main" id="{00000000-0008-0000-0600-0000F6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5" name="直線コネクタ 764">
          <a:extLst>
            <a:ext uri="{FF2B5EF4-FFF2-40B4-BE49-F238E27FC236}">
              <a16:creationId xmlns:a16="http://schemas.microsoft.com/office/drawing/2014/main" id="{00000000-0008-0000-0600-0000FD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66" name="直線コネクタ 765">
          <a:extLst>
            <a:ext uri="{FF2B5EF4-FFF2-40B4-BE49-F238E27FC236}">
              <a16:creationId xmlns:a16="http://schemas.microsoft.com/office/drawing/2014/main" id="{00000000-0008-0000-0600-0000FE02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0" name="直線コネクタ 769">
          <a:extLst>
            <a:ext uri="{FF2B5EF4-FFF2-40B4-BE49-F238E27FC236}">
              <a16:creationId xmlns:a16="http://schemas.microsoft.com/office/drawing/2014/main" id="{00000000-0008-0000-0600-000002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21183</xdr:rowOff>
    </xdr:from>
    <xdr:to>
      <xdr:col>116</xdr:col>
      <xdr:colOff>62864</xdr:colOff>
      <xdr:row>58</xdr:row>
      <xdr:rowOff>13970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flipV="1">
          <a:off x="22159595" y="8865133"/>
          <a:ext cx="1269" cy="1218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78" name="貸付金最小値テキスト">
          <a:extLst>
            <a:ext uri="{FF2B5EF4-FFF2-40B4-BE49-F238E27FC236}">
              <a16:creationId xmlns:a16="http://schemas.microsoft.com/office/drawing/2014/main" id="{00000000-0008-0000-0600-00000A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67860</xdr:rowOff>
    </xdr:from>
    <xdr:ext cx="534377" cy="259045"/>
    <xdr:sp macro="" textlink="">
      <xdr:nvSpPr>
        <xdr:cNvPr id="780" name="貸付金最大値テキスト">
          <a:extLst>
            <a:ext uri="{FF2B5EF4-FFF2-40B4-BE49-F238E27FC236}">
              <a16:creationId xmlns:a16="http://schemas.microsoft.com/office/drawing/2014/main" id="{00000000-0008-0000-0600-00000C030000}"/>
            </a:ext>
          </a:extLst>
        </xdr:cNvPr>
        <xdr:cNvSpPr txBox="1"/>
      </xdr:nvSpPr>
      <xdr:spPr>
        <a:xfrm>
          <a:off x="22212300" y="864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21183</xdr:rowOff>
    </xdr:from>
    <xdr:to>
      <xdr:col>116</xdr:col>
      <xdr:colOff>152400</xdr:colOff>
      <xdr:row>51</xdr:row>
      <xdr:rowOff>121183</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22072600" y="8865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4818</xdr:rowOff>
    </xdr:from>
    <xdr:to>
      <xdr:col>116</xdr:col>
      <xdr:colOff>63500</xdr:colOff>
      <xdr:row>58</xdr:row>
      <xdr:rowOff>128933</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21323300" y="10068918"/>
          <a:ext cx="8382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6100</xdr:rowOff>
    </xdr:from>
    <xdr:ext cx="469744" cy="259045"/>
    <xdr:sp macro="" textlink="">
      <xdr:nvSpPr>
        <xdr:cNvPr id="783" name="貸付金平均値テキスト">
          <a:extLst>
            <a:ext uri="{FF2B5EF4-FFF2-40B4-BE49-F238E27FC236}">
              <a16:creationId xmlns:a16="http://schemas.microsoft.com/office/drawing/2014/main" id="{00000000-0008-0000-0600-00000F030000}"/>
            </a:ext>
          </a:extLst>
        </xdr:cNvPr>
        <xdr:cNvSpPr txBox="1"/>
      </xdr:nvSpPr>
      <xdr:spPr>
        <a:xfrm>
          <a:off x="22212300" y="9818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3223</xdr:rowOff>
    </xdr:from>
    <xdr:to>
      <xdr:col>116</xdr:col>
      <xdr:colOff>114300</xdr:colOff>
      <xdr:row>58</xdr:row>
      <xdr:rowOff>124823</xdr:rowOff>
    </xdr:to>
    <xdr:sp macro="" textlink="">
      <xdr:nvSpPr>
        <xdr:cNvPr id="784" name="フローチャート: 判断 783">
          <a:extLst>
            <a:ext uri="{FF2B5EF4-FFF2-40B4-BE49-F238E27FC236}">
              <a16:creationId xmlns:a16="http://schemas.microsoft.com/office/drawing/2014/main" id="{00000000-0008-0000-0600-000010030000}"/>
            </a:ext>
          </a:extLst>
        </xdr:cNvPr>
        <xdr:cNvSpPr/>
      </xdr:nvSpPr>
      <xdr:spPr>
        <a:xfrm>
          <a:off x="22110700" y="9967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18783</xdr:rowOff>
    </xdr:from>
    <xdr:to>
      <xdr:col>111</xdr:col>
      <xdr:colOff>177800</xdr:colOff>
      <xdr:row>58</xdr:row>
      <xdr:rowOff>124818</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20434300" y="10062883"/>
          <a:ext cx="889000" cy="6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3337</xdr:rowOff>
    </xdr:from>
    <xdr:to>
      <xdr:col>112</xdr:col>
      <xdr:colOff>38100</xdr:colOff>
      <xdr:row>58</xdr:row>
      <xdr:rowOff>124937</xdr:rowOff>
    </xdr:to>
    <xdr:sp macro="" textlink="">
      <xdr:nvSpPr>
        <xdr:cNvPr id="786" name="フローチャート: 判断 785">
          <a:extLst>
            <a:ext uri="{FF2B5EF4-FFF2-40B4-BE49-F238E27FC236}">
              <a16:creationId xmlns:a16="http://schemas.microsoft.com/office/drawing/2014/main" id="{00000000-0008-0000-0600-000012030000}"/>
            </a:ext>
          </a:extLst>
        </xdr:cNvPr>
        <xdr:cNvSpPr/>
      </xdr:nvSpPr>
      <xdr:spPr>
        <a:xfrm>
          <a:off x="21272500" y="996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1464</xdr:rowOff>
    </xdr:from>
    <xdr:ext cx="469744"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21088428" y="974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8783</xdr:rowOff>
    </xdr:from>
    <xdr:to>
      <xdr:col>107</xdr:col>
      <xdr:colOff>50800</xdr:colOff>
      <xdr:row>58</xdr:row>
      <xdr:rowOff>129413</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flipV="1">
          <a:off x="19545300" y="10062883"/>
          <a:ext cx="889000" cy="10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24892</xdr:rowOff>
    </xdr:from>
    <xdr:to>
      <xdr:col>107</xdr:col>
      <xdr:colOff>101600</xdr:colOff>
      <xdr:row>58</xdr:row>
      <xdr:rowOff>126492</xdr:rowOff>
    </xdr:to>
    <xdr:sp macro="" textlink="">
      <xdr:nvSpPr>
        <xdr:cNvPr id="789" name="フローチャート: 判断 788">
          <a:extLst>
            <a:ext uri="{FF2B5EF4-FFF2-40B4-BE49-F238E27FC236}">
              <a16:creationId xmlns:a16="http://schemas.microsoft.com/office/drawing/2014/main" id="{00000000-0008-0000-0600-000015030000}"/>
            </a:ext>
          </a:extLst>
        </xdr:cNvPr>
        <xdr:cNvSpPr/>
      </xdr:nvSpPr>
      <xdr:spPr>
        <a:xfrm>
          <a:off x="20383500" y="9968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3019</xdr:rowOff>
    </xdr:from>
    <xdr:ext cx="469744"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20199428" y="9744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29413</xdr:rowOff>
    </xdr:from>
    <xdr:to>
      <xdr:col>102</xdr:col>
      <xdr:colOff>114300</xdr:colOff>
      <xdr:row>58</xdr:row>
      <xdr:rowOff>129527</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18656300" y="10073513"/>
          <a:ext cx="8890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5042</xdr:rowOff>
    </xdr:from>
    <xdr:to>
      <xdr:col>102</xdr:col>
      <xdr:colOff>165100</xdr:colOff>
      <xdr:row>58</xdr:row>
      <xdr:rowOff>136642</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19494500" y="9979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3169</xdr:rowOff>
    </xdr:from>
    <xdr:ext cx="469744"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9310428" y="9754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39705</xdr:rowOff>
    </xdr:from>
    <xdr:to>
      <xdr:col>98</xdr:col>
      <xdr:colOff>38100</xdr:colOff>
      <xdr:row>58</xdr:row>
      <xdr:rowOff>14130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18605500" y="99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5783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8421428" y="9759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133</xdr:rowOff>
    </xdr:from>
    <xdr:to>
      <xdr:col>116</xdr:col>
      <xdr:colOff>114300</xdr:colOff>
      <xdr:row>59</xdr:row>
      <xdr:rowOff>8283</xdr:rowOff>
    </xdr:to>
    <xdr:sp macro="" textlink="">
      <xdr:nvSpPr>
        <xdr:cNvPr id="801" name="楕円 800">
          <a:extLst>
            <a:ext uri="{FF2B5EF4-FFF2-40B4-BE49-F238E27FC236}">
              <a16:creationId xmlns:a16="http://schemas.microsoft.com/office/drawing/2014/main" id="{00000000-0008-0000-0600-000021030000}"/>
            </a:ext>
          </a:extLst>
        </xdr:cNvPr>
        <xdr:cNvSpPr/>
      </xdr:nvSpPr>
      <xdr:spPr>
        <a:xfrm>
          <a:off x="22110700" y="10022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650</xdr:rowOff>
    </xdr:from>
    <xdr:ext cx="378565" cy="259045"/>
    <xdr:sp macro="" textlink="">
      <xdr:nvSpPr>
        <xdr:cNvPr id="802" name="貸付金該当値テキスト">
          <a:extLst>
            <a:ext uri="{FF2B5EF4-FFF2-40B4-BE49-F238E27FC236}">
              <a16:creationId xmlns:a16="http://schemas.microsoft.com/office/drawing/2014/main" id="{00000000-0008-0000-0600-000022030000}"/>
            </a:ext>
          </a:extLst>
        </xdr:cNvPr>
        <xdr:cNvSpPr txBox="1"/>
      </xdr:nvSpPr>
      <xdr:spPr>
        <a:xfrm>
          <a:off x="22212300" y="99457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4018</xdr:rowOff>
    </xdr:from>
    <xdr:to>
      <xdr:col>112</xdr:col>
      <xdr:colOff>38100</xdr:colOff>
      <xdr:row>59</xdr:row>
      <xdr:rowOff>4168</xdr:rowOff>
    </xdr:to>
    <xdr:sp macro="" textlink="">
      <xdr:nvSpPr>
        <xdr:cNvPr id="803" name="楕円 802">
          <a:extLst>
            <a:ext uri="{FF2B5EF4-FFF2-40B4-BE49-F238E27FC236}">
              <a16:creationId xmlns:a16="http://schemas.microsoft.com/office/drawing/2014/main" id="{00000000-0008-0000-0600-000023030000}"/>
            </a:ext>
          </a:extLst>
        </xdr:cNvPr>
        <xdr:cNvSpPr/>
      </xdr:nvSpPr>
      <xdr:spPr>
        <a:xfrm>
          <a:off x="21272500" y="10018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66745</xdr:rowOff>
    </xdr:from>
    <xdr:ext cx="378565"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4017" y="101108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67983</xdr:rowOff>
    </xdr:from>
    <xdr:to>
      <xdr:col>107</xdr:col>
      <xdr:colOff>101600</xdr:colOff>
      <xdr:row>58</xdr:row>
      <xdr:rowOff>169583</xdr:rowOff>
    </xdr:to>
    <xdr:sp macro="" textlink="">
      <xdr:nvSpPr>
        <xdr:cNvPr id="805" name="楕円 804">
          <a:extLst>
            <a:ext uri="{FF2B5EF4-FFF2-40B4-BE49-F238E27FC236}">
              <a16:creationId xmlns:a16="http://schemas.microsoft.com/office/drawing/2014/main" id="{00000000-0008-0000-0600-000025030000}"/>
            </a:ext>
          </a:extLst>
        </xdr:cNvPr>
        <xdr:cNvSpPr/>
      </xdr:nvSpPr>
      <xdr:spPr>
        <a:xfrm>
          <a:off x="20383500" y="10012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0710</xdr:rowOff>
    </xdr:from>
    <xdr:ext cx="378565"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5017" y="101048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78613</xdr:rowOff>
    </xdr:from>
    <xdr:to>
      <xdr:col>102</xdr:col>
      <xdr:colOff>165100</xdr:colOff>
      <xdr:row>59</xdr:row>
      <xdr:rowOff>8763</xdr:rowOff>
    </xdr:to>
    <xdr:sp macro="" textlink="">
      <xdr:nvSpPr>
        <xdr:cNvPr id="807" name="楕円 806">
          <a:extLst>
            <a:ext uri="{FF2B5EF4-FFF2-40B4-BE49-F238E27FC236}">
              <a16:creationId xmlns:a16="http://schemas.microsoft.com/office/drawing/2014/main" id="{00000000-0008-0000-0600-000027030000}"/>
            </a:ext>
          </a:extLst>
        </xdr:cNvPr>
        <xdr:cNvSpPr/>
      </xdr:nvSpPr>
      <xdr:spPr>
        <a:xfrm>
          <a:off x="19494500" y="1002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71340</xdr:rowOff>
    </xdr:from>
    <xdr:ext cx="378565"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56017" y="101154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8727</xdr:rowOff>
    </xdr:from>
    <xdr:to>
      <xdr:col>98</xdr:col>
      <xdr:colOff>38100</xdr:colOff>
      <xdr:row>59</xdr:row>
      <xdr:rowOff>8877</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18605500" y="1002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4</xdr:rowOff>
    </xdr:from>
    <xdr:ext cx="378565"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7017" y="101155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1293</xdr:rowOff>
    </xdr:from>
    <xdr:to>
      <xdr:col>116</xdr:col>
      <xdr:colOff>62864</xdr:colOff>
      <xdr:row>79</xdr:row>
      <xdr:rowOff>73799</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flipV="1">
          <a:off x="22159595" y="12214243"/>
          <a:ext cx="1269" cy="1404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7626</xdr:rowOff>
    </xdr:from>
    <xdr:ext cx="469744" cy="259045"/>
    <xdr:sp macro="" textlink="">
      <xdr:nvSpPr>
        <xdr:cNvPr id="837" name="繰出金最小値テキスト">
          <a:extLst>
            <a:ext uri="{FF2B5EF4-FFF2-40B4-BE49-F238E27FC236}">
              <a16:creationId xmlns:a16="http://schemas.microsoft.com/office/drawing/2014/main" id="{00000000-0008-0000-0600-000045030000}"/>
            </a:ext>
          </a:extLst>
        </xdr:cNvPr>
        <xdr:cNvSpPr txBox="1"/>
      </xdr:nvSpPr>
      <xdr:spPr>
        <a:xfrm>
          <a:off x="22212300" y="13622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3799</xdr:rowOff>
    </xdr:from>
    <xdr:to>
      <xdr:col>116</xdr:col>
      <xdr:colOff>152400</xdr:colOff>
      <xdr:row>79</xdr:row>
      <xdr:rowOff>73799</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22072600" y="1361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9420</xdr:rowOff>
    </xdr:from>
    <xdr:ext cx="599010" cy="259045"/>
    <xdr:sp macro="" textlink="">
      <xdr:nvSpPr>
        <xdr:cNvPr id="839" name="繰出金最大値テキスト">
          <a:extLst>
            <a:ext uri="{FF2B5EF4-FFF2-40B4-BE49-F238E27FC236}">
              <a16:creationId xmlns:a16="http://schemas.microsoft.com/office/drawing/2014/main" id="{00000000-0008-0000-0600-000047030000}"/>
            </a:ext>
          </a:extLst>
        </xdr:cNvPr>
        <xdr:cNvSpPr txBox="1"/>
      </xdr:nvSpPr>
      <xdr:spPr>
        <a:xfrm>
          <a:off x="22212300" y="119894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1293</xdr:rowOff>
    </xdr:from>
    <xdr:to>
      <xdr:col>116</xdr:col>
      <xdr:colOff>152400</xdr:colOff>
      <xdr:row>71</xdr:row>
      <xdr:rowOff>412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22072600" y="1221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7989</xdr:rowOff>
    </xdr:from>
    <xdr:to>
      <xdr:col>116</xdr:col>
      <xdr:colOff>63500</xdr:colOff>
      <xdr:row>76</xdr:row>
      <xdr:rowOff>105998</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flipV="1">
          <a:off x="21323300" y="13108189"/>
          <a:ext cx="838200" cy="28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237</xdr:rowOff>
    </xdr:from>
    <xdr:ext cx="534377" cy="259045"/>
    <xdr:sp macro="" textlink="">
      <xdr:nvSpPr>
        <xdr:cNvPr id="842" name="繰出金平均値テキスト">
          <a:extLst>
            <a:ext uri="{FF2B5EF4-FFF2-40B4-BE49-F238E27FC236}">
              <a16:creationId xmlns:a16="http://schemas.microsoft.com/office/drawing/2014/main" id="{00000000-0008-0000-0600-00004A030000}"/>
            </a:ext>
          </a:extLst>
        </xdr:cNvPr>
        <xdr:cNvSpPr txBox="1"/>
      </xdr:nvSpPr>
      <xdr:spPr>
        <a:xfrm>
          <a:off x="22212300" y="12779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360</xdr:rowOff>
    </xdr:from>
    <xdr:to>
      <xdr:col>116</xdr:col>
      <xdr:colOff>114300</xdr:colOff>
      <xdr:row>75</xdr:row>
      <xdr:rowOff>170960</xdr:rowOff>
    </xdr:to>
    <xdr:sp macro="" textlink="">
      <xdr:nvSpPr>
        <xdr:cNvPr id="843" name="フローチャート: 判断 842">
          <a:extLst>
            <a:ext uri="{FF2B5EF4-FFF2-40B4-BE49-F238E27FC236}">
              <a16:creationId xmlns:a16="http://schemas.microsoft.com/office/drawing/2014/main" id="{00000000-0008-0000-0600-00004B030000}"/>
            </a:ext>
          </a:extLst>
        </xdr:cNvPr>
        <xdr:cNvSpPr/>
      </xdr:nvSpPr>
      <xdr:spPr>
        <a:xfrm>
          <a:off x="22110700" y="12928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68921</xdr:rowOff>
    </xdr:from>
    <xdr:to>
      <xdr:col>111</xdr:col>
      <xdr:colOff>177800</xdr:colOff>
      <xdr:row>76</xdr:row>
      <xdr:rowOff>105998</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20434300" y="13099121"/>
          <a:ext cx="889000" cy="37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6381</xdr:rowOff>
    </xdr:from>
    <xdr:to>
      <xdr:col>112</xdr:col>
      <xdr:colOff>38100</xdr:colOff>
      <xdr:row>76</xdr:row>
      <xdr:rowOff>6531</xdr:rowOff>
    </xdr:to>
    <xdr:sp macro="" textlink="">
      <xdr:nvSpPr>
        <xdr:cNvPr id="845" name="フローチャート: 判断 844">
          <a:extLst>
            <a:ext uri="{FF2B5EF4-FFF2-40B4-BE49-F238E27FC236}">
              <a16:creationId xmlns:a16="http://schemas.microsoft.com/office/drawing/2014/main" id="{00000000-0008-0000-0600-00004D030000}"/>
            </a:ext>
          </a:extLst>
        </xdr:cNvPr>
        <xdr:cNvSpPr/>
      </xdr:nvSpPr>
      <xdr:spPr>
        <a:xfrm>
          <a:off x="212725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3058</xdr:rowOff>
    </xdr:from>
    <xdr:ext cx="534377"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21056111" y="1271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68921</xdr:rowOff>
    </xdr:from>
    <xdr:to>
      <xdr:col>107</xdr:col>
      <xdr:colOff>50800</xdr:colOff>
      <xdr:row>76</xdr:row>
      <xdr:rowOff>7309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19545300" y="13099121"/>
          <a:ext cx="8890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73910</xdr:rowOff>
    </xdr:from>
    <xdr:to>
      <xdr:col>107</xdr:col>
      <xdr:colOff>101600</xdr:colOff>
      <xdr:row>76</xdr:row>
      <xdr:rowOff>4060</xdr:rowOff>
    </xdr:to>
    <xdr:sp macro="" textlink="">
      <xdr:nvSpPr>
        <xdr:cNvPr id="848" name="フローチャート: 判断 847">
          <a:extLst>
            <a:ext uri="{FF2B5EF4-FFF2-40B4-BE49-F238E27FC236}">
              <a16:creationId xmlns:a16="http://schemas.microsoft.com/office/drawing/2014/main" id="{00000000-0008-0000-0600-000050030000}"/>
            </a:ext>
          </a:extLst>
        </xdr:cNvPr>
        <xdr:cNvSpPr/>
      </xdr:nvSpPr>
      <xdr:spPr>
        <a:xfrm>
          <a:off x="20383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20587</xdr:rowOff>
    </xdr:from>
    <xdr:ext cx="534377"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20167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68824</xdr:rowOff>
    </xdr:from>
    <xdr:to>
      <xdr:col>102</xdr:col>
      <xdr:colOff>114300</xdr:colOff>
      <xdr:row>76</xdr:row>
      <xdr:rowOff>7309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656300" y="13099024"/>
          <a:ext cx="889000" cy="4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03639</xdr:rowOff>
    </xdr:from>
    <xdr:to>
      <xdr:col>102</xdr:col>
      <xdr:colOff>165100</xdr:colOff>
      <xdr:row>76</xdr:row>
      <xdr:rowOff>33790</xdr:rowOff>
    </xdr:to>
    <xdr:sp macro="" textlink="">
      <xdr:nvSpPr>
        <xdr:cNvPr id="851" name="フローチャート: 判断 850">
          <a:extLst>
            <a:ext uri="{FF2B5EF4-FFF2-40B4-BE49-F238E27FC236}">
              <a16:creationId xmlns:a16="http://schemas.microsoft.com/office/drawing/2014/main" id="{00000000-0008-0000-0600-000053030000}"/>
            </a:ext>
          </a:extLst>
        </xdr:cNvPr>
        <xdr:cNvSpPr/>
      </xdr:nvSpPr>
      <xdr:spPr>
        <a:xfrm>
          <a:off x="19494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0316</xdr:rowOff>
    </xdr:from>
    <xdr:ext cx="534377" cy="259045"/>
    <xdr:sp macro="" textlink="">
      <xdr:nvSpPr>
        <xdr:cNvPr id="852" name="テキスト ボックス 851">
          <a:extLst>
            <a:ext uri="{FF2B5EF4-FFF2-40B4-BE49-F238E27FC236}">
              <a16:creationId xmlns:a16="http://schemas.microsoft.com/office/drawing/2014/main" id="{00000000-0008-0000-0600-000054030000}"/>
            </a:ext>
          </a:extLst>
        </xdr:cNvPr>
        <xdr:cNvSpPr txBox="1"/>
      </xdr:nvSpPr>
      <xdr:spPr>
        <a:xfrm>
          <a:off x="19278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7162</xdr:rowOff>
    </xdr:from>
    <xdr:to>
      <xdr:col>98</xdr:col>
      <xdr:colOff>38100</xdr:colOff>
      <xdr:row>76</xdr:row>
      <xdr:rowOff>27313</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18605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839</xdr:rowOff>
    </xdr:from>
    <xdr:ext cx="534377" cy="259045"/>
    <xdr:sp macro="" textlink="">
      <xdr:nvSpPr>
        <xdr:cNvPr id="854" name="テキスト ボックス 853">
          <a:extLst>
            <a:ext uri="{FF2B5EF4-FFF2-40B4-BE49-F238E27FC236}">
              <a16:creationId xmlns:a16="http://schemas.microsoft.com/office/drawing/2014/main" id="{00000000-0008-0000-0600-000056030000}"/>
            </a:ext>
          </a:extLst>
        </xdr:cNvPr>
        <xdr:cNvSpPr txBox="1"/>
      </xdr:nvSpPr>
      <xdr:spPr>
        <a:xfrm>
          <a:off x="18389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27189</xdr:rowOff>
    </xdr:from>
    <xdr:to>
      <xdr:col>116</xdr:col>
      <xdr:colOff>114300</xdr:colOff>
      <xdr:row>76</xdr:row>
      <xdr:rowOff>128789</xdr:rowOff>
    </xdr:to>
    <xdr:sp macro="" textlink="">
      <xdr:nvSpPr>
        <xdr:cNvPr id="860" name="楕円 859">
          <a:extLst>
            <a:ext uri="{FF2B5EF4-FFF2-40B4-BE49-F238E27FC236}">
              <a16:creationId xmlns:a16="http://schemas.microsoft.com/office/drawing/2014/main" id="{00000000-0008-0000-0600-00005C030000}"/>
            </a:ext>
          </a:extLst>
        </xdr:cNvPr>
        <xdr:cNvSpPr/>
      </xdr:nvSpPr>
      <xdr:spPr>
        <a:xfrm>
          <a:off x="22110700" y="1305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5616</xdr:rowOff>
    </xdr:from>
    <xdr:ext cx="534377" cy="259045"/>
    <xdr:sp macro="" textlink="">
      <xdr:nvSpPr>
        <xdr:cNvPr id="861" name="繰出金該当値テキスト">
          <a:extLst>
            <a:ext uri="{FF2B5EF4-FFF2-40B4-BE49-F238E27FC236}">
              <a16:creationId xmlns:a16="http://schemas.microsoft.com/office/drawing/2014/main" id="{00000000-0008-0000-0600-00005D030000}"/>
            </a:ext>
          </a:extLst>
        </xdr:cNvPr>
        <xdr:cNvSpPr txBox="1"/>
      </xdr:nvSpPr>
      <xdr:spPr>
        <a:xfrm>
          <a:off x="22212300" y="13035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55198</xdr:rowOff>
    </xdr:from>
    <xdr:to>
      <xdr:col>112</xdr:col>
      <xdr:colOff>38100</xdr:colOff>
      <xdr:row>76</xdr:row>
      <xdr:rowOff>156798</xdr:rowOff>
    </xdr:to>
    <xdr:sp macro="" textlink="">
      <xdr:nvSpPr>
        <xdr:cNvPr id="862" name="楕円 861">
          <a:extLst>
            <a:ext uri="{FF2B5EF4-FFF2-40B4-BE49-F238E27FC236}">
              <a16:creationId xmlns:a16="http://schemas.microsoft.com/office/drawing/2014/main" id="{00000000-0008-0000-0600-00005E030000}"/>
            </a:ext>
          </a:extLst>
        </xdr:cNvPr>
        <xdr:cNvSpPr/>
      </xdr:nvSpPr>
      <xdr:spPr>
        <a:xfrm>
          <a:off x="21272500" y="1308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7925</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056111" y="13178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8121</xdr:rowOff>
    </xdr:from>
    <xdr:to>
      <xdr:col>107</xdr:col>
      <xdr:colOff>101600</xdr:colOff>
      <xdr:row>76</xdr:row>
      <xdr:rowOff>119721</xdr:rowOff>
    </xdr:to>
    <xdr:sp macro="" textlink="">
      <xdr:nvSpPr>
        <xdr:cNvPr id="864" name="楕円 863">
          <a:extLst>
            <a:ext uri="{FF2B5EF4-FFF2-40B4-BE49-F238E27FC236}">
              <a16:creationId xmlns:a16="http://schemas.microsoft.com/office/drawing/2014/main" id="{00000000-0008-0000-0600-000060030000}"/>
            </a:ext>
          </a:extLst>
        </xdr:cNvPr>
        <xdr:cNvSpPr/>
      </xdr:nvSpPr>
      <xdr:spPr>
        <a:xfrm>
          <a:off x="20383500" y="1304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0848</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3141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22290</xdr:rowOff>
    </xdr:from>
    <xdr:to>
      <xdr:col>102</xdr:col>
      <xdr:colOff>165100</xdr:colOff>
      <xdr:row>76</xdr:row>
      <xdr:rowOff>123890</xdr:rowOff>
    </xdr:to>
    <xdr:sp macro="" textlink="">
      <xdr:nvSpPr>
        <xdr:cNvPr id="866" name="楕円 865">
          <a:extLst>
            <a:ext uri="{FF2B5EF4-FFF2-40B4-BE49-F238E27FC236}">
              <a16:creationId xmlns:a16="http://schemas.microsoft.com/office/drawing/2014/main" id="{00000000-0008-0000-0600-000062030000}"/>
            </a:ext>
          </a:extLst>
        </xdr:cNvPr>
        <xdr:cNvSpPr/>
      </xdr:nvSpPr>
      <xdr:spPr>
        <a:xfrm>
          <a:off x="19494500" y="130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15017</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9278111" y="13145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8024</xdr:rowOff>
    </xdr:from>
    <xdr:to>
      <xdr:col>98</xdr:col>
      <xdr:colOff>38100</xdr:colOff>
      <xdr:row>76</xdr:row>
      <xdr:rowOff>119624</xdr:rowOff>
    </xdr:to>
    <xdr:sp macro="" textlink="">
      <xdr:nvSpPr>
        <xdr:cNvPr id="868" name="楕円 867">
          <a:extLst>
            <a:ext uri="{FF2B5EF4-FFF2-40B4-BE49-F238E27FC236}">
              <a16:creationId xmlns:a16="http://schemas.microsoft.com/office/drawing/2014/main" id="{00000000-0008-0000-0600-000064030000}"/>
            </a:ext>
          </a:extLst>
        </xdr:cNvPr>
        <xdr:cNvSpPr/>
      </xdr:nvSpPr>
      <xdr:spPr>
        <a:xfrm>
          <a:off x="18605500" y="13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0751</xdr:rowOff>
    </xdr:from>
    <xdr:ext cx="534377"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389111" y="1314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普通建設事業費（うち更新整備）を除く項目が類似団体平均と比較して低い状況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特徴としては、「公債費」は令和元年度防災行政無線デジタル化事業債等の元金償還開始に伴い増加、「扶助費」は、障害福祉サービス等給付費等の増額により経常費用は増加したが、子育て世帯への臨時特別給付金、住民税非課税世帯等臨時特別給付金の国の施策による事業が減ったことに伴い、全体として減少となっている。</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また、「普通建設事業費（うち更新整備）」は松田小学校旧校舎の解体や太陽光発電設備整備工事等を実施したが、それ以上に令和</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に完了した松田小学校新校舎建設での減が上回ったため大きく減少、「積立金」は令和２年度から</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老朽化した町有施設や</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今後の広域施設の建替等に備え計画的に積立てているため、類似団体平均に近しい数値でほぼ横ばいに推移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616
10,480
37.75
5,733,697
5,265,852
385,177
3,212,368
5,604,33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1
16.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219</xdr:rowOff>
    </xdr:from>
    <xdr:to>
      <xdr:col>24</xdr:col>
      <xdr:colOff>62865</xdr:colOff>
      <xdr:row>38</xdr:row>
      <xdr:rowOff>16256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416169"/>
          <a:ext cx="1270" cy="1261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6387</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68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2560</xdr:rowOff>
    </xdr:from>
    <xdr:to>
      <xdr:col>24</xdr:col>
      <xdr:colOff>152400</xdr:colOff>
      <xdr:row>38</xdr:row>
      <xdr:rowOff>162560</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67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7896</xdr:rowOff>
    </xdr:from>
    <xdr:ext cx="534377"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191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9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01219</xdr:rowOff>
    </xdr:from>
    <xdr:to>
      <xdr:col>24</xdr:col>
      <xdr:colOff>152400</xdr:colOff>
      <xdr:row>31</xdr:row>
      <xdr:rowOff>101219</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416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0355</xdr:rowOff>
    </xdr:from>
    <xdr:to>
      <xdr:col>24</xdr:col>
      <xdr:colOff>63500</xdr:colOff>
      <xdr:row>35</xdr:row>
      <xdr:rowOff>10979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6051105"/>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3143</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1238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4716</xdr:rowOff>
    </xdr:from>
    <xdr:to>
      <xdr:col>24</xdr:col>
      <xdr:colOff>114300</xdr:colOff>
      <xdr:row>36</xdr:row>
      <xdr:rowOff>7486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145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04458</xdr:rowOff>
    </xdr:from>
    <xdr:to>
      <xdr:col>19</xdr:col>
      <xdr:colOff>177800</xdr:colOff>
      <xdr:row>35</xdr:row>
      <xdr:rowOff>10979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6105208"/>
          <a:ext cx="889000" cy="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2509</xdr:rowOff>
    </xdr:from>
    <xdr:to>
      <xdr:col>20</xdr:col>
      <xdr:colOff>38100</xdr:colOff>
      <xdr:row>36</xdr:row>
      <xdr:rowOff>11410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184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5236</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277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1976</xdr:rowOff>
    </xdr:from>
    <xdr:to>
      <xdr:col>15</xdr:col>
      <xdr:colOff>50800</xdr:colOff>
      <xdr:row>35</xdr:row>
      <xdr:rowOff>104458</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6062726"/>
          <a:ext cx="889000" cy="42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128</xdr:rowOff>
    </xdr:from>
    <xdr:to>
      <xdr:col>15</xdr:col>
      <xdr:colOff>101600</xdr:colOff>
      <xdr:row>36</xdr:row>
      <xdr:rowOff>11372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18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0485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277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49022</xdr:rowOff>
    </xdr:from>
    <xdr:to>
      <xdr:col>10</xdr:col>
      <xdr:colOff>114300</xdr:colOff>
      <xdr:row>35</xdr:row>
      <xdr:rowOff>61976</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6049772"/>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1090</xdr:rowOff>
    </xdr:from>
    <xdr:to>
      <xdr:col>10</xdr:col>
      <xdr:colOff>165100</xdr:colOff>
      <xdr:row>36</xdr:row>
      <xdr:rowOff>112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608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3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174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6141</xdr:rowOff>
    </xdr:from>
    <xdr:to>
      <xdr:col>6</xdr:col>
      <xdr:colOff>38100</xdr:colOff>
      <xdr:row>36</xdr:row>
      <xdr:rowOff>46291</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37418</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209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71005</xdr:rowOff>
    </xdr:from>
    <xdr:to>
      <xdr:col>24</xdr:col>
      <xdr:colOff>114300</xdr:colOff>
      <xdr:row>35</xdr:row>
      <xdr:rowOff>101155</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600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2432</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85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58991</xdr:rowOff>
    </xdr:from>
    <xdr:to>
      <xdr:col>20</xdr:col>
      <xdr:colOff>38100</xdr:colOff>
      <xdr:row>35</xdr:row>
      <xdr:rowOff>16059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6059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566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834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3658</xdr:rowOff>
    </xdr:from>
    <xdr:to>
      <xdr:col>15</xdr:col>
      <xdr:colOff>101600</xdr:colOff>
      <xdr:row>35</xdr:row>
      <xdr:rowOff>15525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6054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33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829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176</xdr:rowOff>
    </xdr:from>
    <xdr:to>
      <xdr:col>10</xdr:col>
      <xdr:colOff>165100</xdr:colOff>
      <xdr:row>35</xdr:row>
      <xdr:rowOff>11277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601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2930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787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9672</xdr:rowOff>
    </xdr:from>
    <xdr:to>
      <xdr:col>6</xdr:col>
      <xdr:colOff>38100</xdr:colOff>
      <xdr:row>35</xdr:row>
      <xdr:rowOff>99822</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99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116349</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774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25452</xdr:rowOff>
    </xdr:from>
    <xdr:to>
      <xdr:col>24</xdr:col>
      <xdr:colOff>62865</xdr:colOff>
      <xdr:row>58</xdr:row>
      <xdr:rowOff>9324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597952"/>
          <a:ext cx="1270" cy="14393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7076</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04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3249</xdr:rowOff>
    </xdr:from>
    <xdr:to>
      <xdr:col>24</xdr:col>
      <xdr:colOff>152400</xdr:colOff>
      <xdr:row>58</xdr:row>
      <xdr:rowOff>93249</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037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43579</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373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4,9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25452</xdr:rowOff>
    </xdr:from>
    <xdr:to>
      <xdr:col>24</xdr:col>
      <xdr:colOff>152400</xdr:colOff>
      <xdr:row>50</xdr:row>
      <xdr:rowOff>25452</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597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29680</xdr:rowOff>
    </xdr:from>
    <xdr:to>
      <xdr:col>24</xdr:col>
      <xdr:colOff>63500</xdr:colOff>
      <xdr:row>57</xdr:row>
      <xdr:rowOff>165107</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3797300" y="9902330"/>
          <a:ext cx="838200" cy="35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9141</xdr:rowOff>
    </xdr:from>
    <xdr:ext cx="599010"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5588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264</xdr:rowOff>
    </xdr:from>
    <xdr:to>
      <xdr:col>24</xdr:col>
      <xdr:colOff>114300</xdr:colOff>
      <xdr:row>57</xdr:row>
      <xdr:rowOff>3641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707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52783</xdr:rowOff>
    </xdr:from>
    <xdr:to>
      <xdr:col>19</xdr:col>
      <xdr:colOff>177800</xdr:colOff>
      <xdr:row>57</xdr:row>
      <xdr:rowOff>165107</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2908300" y="9482533"/>
          <a:ext cx="889000" cy="455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00807</xdr:rowOff>
    </xdr:from>
    <xdr:to>
      <xdr:col>20</xdr:col>
      <xdr:colOff>38100</xdr:colOff>
      <xdr:row>57</xdr:row>
      <xdr:rowOff>30957</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70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47484</xdr:rowOff>
    </xdr:from>
    <xdr:ext cx="599010"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497795" y="9477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52783</xdr:rowOff>
    </xdr:from>
    <xdr:to>
      <xdr:col>15</xdr:col>
      <xdr:colOff>50800</xdr:colOff>
      <xdr:row>58</xdr:row>
      <xdr:rowOff>53469</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flipV="1">
          <a:off x="2019300" y="9482533"/>
          <a:ext cx="889000" cy="515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55400</xdr:rowOff>
    </xdr:from>
    <xdr:to>
      <xdr:col>15</xdr:col>
      <xdr:colOff>101600</xdr:colOff>
      <xdr:row>55</xdr:row>
      <xdr:rowOff>85550</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4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102077</xdr:rowOff>
    </xdr:from>
    <xdr:ext cx="59901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08795" y="9188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29894</xdr:rowOff>
    </xdr:from>
    <xdr:to>
      <xdr:col>10</xdr:col>
      <xdr:colOff>114300</xdr:colOff>
      <xdr:row>58</xdr:row>
      <xdr:rowOff>53469</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a:off x="1130300" y="9973994"/>
          <a:ext cx="889000" cy="23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59570</xdr:rowOff>
    </xdr:from>
    <xdr:to>
      <xdr:col>10</xdr:col>
      <xdr:colOff>165100</xdr:colOff>
      <xdr:row>57</xdr:row>
      <xdr:rowOff>89720</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760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06247</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19795" y="9535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0634</xdr:rowOff>
    </xdr:from>
    <xdr:to>
      <xdr:col>6</xdr:col>
      <xdr:colOff>38100</xdr:colOff>
      <xdr:row>57</xdr:row>
      <xdr:rowOff>122234</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793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38761</xdr:rowOff>
    </xdr:from>
    <xdr:ext cx="59901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30795" y="9568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880</xdr:rowOff>
    </xdr:from>
    <xdr:to>
      <xdr:col>24</xdr:col>
      <xdr:colOff>114300</xdr:colOff>
      <xdr:row>58</xdr:row>
      <xdr:rowOff>9030</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851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57307</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829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4307</xdr:rowOff>
    </xdr:from>
    <xdr:to>
      <xdr:col>20</xdr:col>
      <xdr:colOff>38100</xdr:colOff>
      <xdr:row>58</xdr:row>
      <xdr:rowOff>44457</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886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35584</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530111" y="9979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983</xdr:rowOff>
    </xdr:from>
    <xdr:to>
      <xdr:col>15</xdr:col>
      <xdr:colOff>101600</xdr:colOff>
      <xdr:row>55</xdr:row>
      <xdr:rowOff>10358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431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94710</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08795" y="9524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669</xdr:rowOff>
    </xdr:from>
    <xdr:to>
      <xdr:col>10</xdr:col>
      <xdr:colOff>165100</xdr:colOff>
      <xdr:row>58</xdr:row>
      <xdr:rowOff>104269</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946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95396</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10039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0544</xdr:rowOff>
    </xdr:from>
    <xdr:to>
      <xdr:col>6</xdr:col>
      <xdr:colOff>38100</xdr:colOff>
      <xdr:row>58</xdr:row>
      <xdr:rowOff>80694</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923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1821</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10015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4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4330</xdr:rowOff>
    </xdr:from>
    <xdr:to>
      <xdr:col>24</xdr:col>
      <xdr:colOff>62865</xdr:colOff>
      <xdr:row>77</xdr:row>
      <xdr:rowOff>43368</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187280"/>
          <a:ext cx="1270" cy="1057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7195</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248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43368</xdr:rowOff>
    </xdr:from>
    <xdr:to>
      <xdr:col>24</xdr:col>
      <xdr:colOff>152400</xdr:colOff>
      <xdr:row>77</xdr:row>
      <xdr:rowOff>43368</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24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2457</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625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1,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4330</xdr:rowOff>
    </xdr:from>
    <xdr:to>
      <xdr:col>24</xdr:col>
      <xdr:colOff>152400</xdr:colOff>
      <xdr:row>71</xdr:row>
      <xdr:rowOff>1433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18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5708</xdr:rowOff>
    </xdr:from>
    <xdr:to>
      <xdr:col>24</xdr:col>
      <xdr:colOff>63500</xdr:colOff>
      <xdr:row>77</xdr:row>
      <xdr:rowOff>20937</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3797300" y="13185908"/>
          <a:ext cx="838200" cy="3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7887</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7151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010</xdr:rowOff>
    </xdr:from>
    <xdr:to>
      <xdr:col>24</xdr:col>
      <xdr:colOff>114300</xdr:colOff>
      <xdr:row>75</xdr:row>
      <xdr:rowOff>106610</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863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5708</xdr:rowOff>
    </xdr:from>
    <xdr:to>
      <xdr:col>19</xdr:col>
      <xdr:colOff>177800</xdr:colOff>
      <xdr:row>77</xdr:row>
      <xdr:rowOff>62485</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185908"/>
          <a:ext cx="889000" cy="78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39061</xdr:rowOff>
    </xdr:from>
    <xdr:to>
      <xdr:col>20</xdr:col>
      <xdr:colOff>38100</xdr:colOff>
      <xdr:row>75</xdr:row>
      <xdr:rowOff>69211</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2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85738</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601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2485</xdr:rowOff>
    </xdr:from>
    <xdr:to>
      <xdr:col>15</xdr:col>
      <xdr:colOff>50800</xdr:colOff>
      <xdr:row>77</xdr:row>
      <xdr:rowOff>119241</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264135"/>
          <a:ext cx="889000" cy="5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4120</xdr:rowOff>
    </xdr:from>
    <xdr:to>
      <xdr:col>15</xdr:col>
      <xdr:colOff>101600</xdr:colOff>
      <xdr:row>76</xdr:row>
      <xdr:rowOff>44270</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297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60797</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748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9241</xdr:rowOff>
    </xdr:from>
    <xdr:to>
      <xdr:col>10</xdr:col>
      <xdr:colOff>114300</xdr:colOff>
      <xdr:row>77</xdr:row>
      <xdr:rowOff>147599</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3320891"/>
          <a:ext cx="889000" cy="28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64367</xdr:rowOff>
    </xdr:from>
    <xdr:to>
      <xdr:col>10</xdr:col>
      <xdr:colOff>165100</xdr:colOff>
      <xdr:row>76</xdr:row>
      <xdr:rowOff>9451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02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104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798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24287</xdr:rowOff>
    </xdr:from>
    <xdr:to>
      <xdr:col>6</xdr:col>
      <xdr:colOff>38100</xdr:colOff>
      <xdr:row>76</xdr:row>
      <xdr:rowOff>125887</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05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4241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829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1587</xdr:rowOff>
    </xdr:from>
    <xdr:to>
      <xdr:col>24</xdr:col>
      <xdr:colOff>114300</xdr:colOff>
      <xdr:row>77</xdr:row>
      <xdr:rowOff>71737</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71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56514</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086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4908</xdr:rowOff>
    </xdr:from>
    <xdr:to>
      <xdr:col>20</xdr:col>
      <xdr:colOff>38100</xdr:colOff>
      <xdr:row>77</xdr:row>
      <xdr:rowOff>35058</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135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26185</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227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1685</xdr:rowOff>
    </xdr:from>
    <xdr:to>
      <xdr:col>15</xdr:col>
      <xdr:colOff>101600</xdr:colOff>
      <xdr:row>77</xdr:row>
      <xdr:rowOff>11328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1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04412</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06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68441</xdr:rowOff>
    </xdr:from>
    <xdr:to>
      <xdr:col>10</xdr:col>
      <xdr:colOff>165100</xdr:colOff>
      <xdr:row>77</xdr:row>
      <xdr:rowOff>17004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270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6116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362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6799</xdr:rowOff>
    </xdr:from>
    <xdr:to>
      <xdr:col>6</xdr:col>
      <xdr:colOff>38100</xdr:colOff>
      <xdr:row>78</xdr:row>
      <xdr:rowOff>26949</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29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8076</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3911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139700</xdr:rowOff>
    </xdr:from>
    <xdr:to>
      <xdr:col>28</xdr:col>
      <xdr:colOff>114300</xdr:colOff>
      <xdr:row>98</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168927</xdr:rowOff>
    </xdr:from>
    <xdr:ext cx="248786"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513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5462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11177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168927</xdr:rowOff>
    </xdr:from>
    <xdr:ext cx="59541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166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a:extLst>
            <a:ext uri="{FF2B5EF4-FFF2-40B4-BE49-F238E27FC236}">
              <a16:creationId xmlns:a16="http://schemas.microsoft.com/office/drawing/2014/main" id="{00000000-0008-0000-07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2278</xdr:rowOff>
    </xdr:from>
    <xdr:to>
      <xdr:col>24</xdr:col>
      <xdr:colOff>62865</xdr:colOff>
      <xdr:row>98</xdr:row>
      <xdr:rowOff>212</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flipV="1">
          <a:off x="4633595" y="15624228"/>
          <a:ext cx="1270" cy="11780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039</xdr:rowOff>
    </xdr:from>
    <xdr:ext cx="534377" cy="259045"/>
    <xdr:sp macro="" textlink="">
      <xdr:nvSpPr>
        <xdr:cNvPr id="225" name="衛生費最小値テキスト">
          <a:extLst>
            <a:ext uri="{FF2B5EF4-FFF2-40B4-BE49-F238E27FC236}">
              <a16:creationId xmlns:a16="http://schemas.microsoft.com/office/drawing/2014/main" id="{00000000-0008-0000-0700-0000E1000000}"/>
            </a:ext>
          </a:extLst>
        </xdr:cNvPr>
        <xdr:cNvSpPr txBox="1"/>
      </xdr:nvSpPr>
      <xdr:spPr>
        <a:xfrm>
          <a:off x="4686300" y="1680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12</xdr:rowOff>
    </xdr:from>
    <xdr:to>
      <xdr:col>24</xdr:col>
      <xdr:colOff>152400</xdr:colOff>
      <xdr:row>98</xdr:row>
      <xdr:rowOff>212</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4546600" y="16802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0405</xdr:rowOff>
    </xdr:from>
    <xdr:ext cx="599010" cy="259045"/>
    <xdr:sp macro="" textlink="">
      <xdr:nvSpPr>
        <xdr:cNvPr id="227" name="衛生費最大値テキスト">
          <a:extLst>
            <a:ext uri="{FF2B5EF4-FFF2-40B4-BE49-F238E27FC236}">
              <a16:creationId xmlns:a16="http://schemas.microsoft.com/office/drawing/2014/main" id="{00000000-0008-0000-0700-0000E3000000}"/>
            </a:ext>
          </a:extLst>
        </xdr:cNvPr>
        <xdr:cNvSpPr txBox="1"/>
      </xdr:nvSpPr>
      <xdr:spPr>
        <a:xfrm>
          <a:off x="4686300" y="153994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8,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2278</xdr:rowOff>
    </xdr:from>
    <xdr:to>
      <xdr:col>24</xdr:col>
      <xdr:colOff>152400</xdr:colOff>
      <xdr:row>91</xdr:row>
      <xdr:rowOff>22278</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4546600" y="15624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3716</xdr:rowOff>
    </xdr:from>
    <xdr:to>
      <xdr:col>24</xdr:col>
      <xdr:colOff>63500</xdr:colOff>
      <xdr:row>97</xdr:row>
      <xdr:rowOff>12699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3797300" y="16754366"/>
          <a:ext cx="838200" cy="3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8340</xdr:rowOff>
    </xdr:from>
    <xdr:ext cx="534377" cy="259045"/>
    <xdr:sp macro="" textlink="">
      <xdr:nvSpPr>
        <xdr:cNvPr id="230" name="衛生費平均値テキスト">
          <a:extLst>
            <a:ext uri="{FF2B5EF4-FFF2-40B4-BE49-F238E27FC236}">
              <a16:creationId xmlns:a16="http://schemas.microsoft.com/office/drawing/2014/main" id="{00000000-0008-0000-0700-0000E6000000}"/>
            </a:ext>
          </a:extLst>
        </xdr:cNvPr>
        <xdr:cNvSpPr txBox="1"/>
      </xdr:nvSpPr>
      <xdr:spPr>
        <a:xfrm>
          <a:off x="4686300" y="16426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5463</xdr:rowOff>
    </xdr:from>
    <xdr:to>
      <xdr:col>24</xdr:col>
      <xdr:colOff>114300</xdr:colOff>
      <xdr:row>97</xdr:row>
      <xdr:rowOff>45613</xdr:rowOff>
    </xdr:to>
    <xdr:sp macro="" textlink="">
      <xdr:nvSpPr>
        <xdr:cNvPr id="231" name="フローチャート: 判断 230">
          <a:extLst>
            <a:ext uri="{FF2B5EF4-FFF2-40B4-BE49-F238E27FC236}">
              <a16:creationId xmlns:a16="http://schemas.microsoft.com/office/drawing/2014/main" id="{00000000-0008-0000-0700-0000E7000000}"/>
            </a:ext>
          </a:extLst>
        </xdr:cNvPr>
        <xdr:cNvSpPr/>
      </xdr:nvSpPr>
      <xdr:spPr>
        <a:xfrm>
          <a:off x="4584700" y="16574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26994</xdr:rowOff>
    </xdr:from>
    <xdr:to>
      <xdr:col>19</xdr:col>
      <xdr:colOff>177800</xdr:colOff>
      <xdr:row>97</xdr:row>
      <xdr:rowOff>169921</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2908300" y="16757644"/>
          <a:ext cx="889000" cy="42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1041</xdr:rowOff>
    </xdr:from>
    <xdr:to>
      <xdr:col>20</xdr:col>
      <xdr:colOff>38100</xdr:colOff>
      <xdr:row>97</xdr:row>
      <xdr:rowOff>51191</xdr:rowOff>
    </xdr:to>
    <xdr:sp macro="" textlink="">
      <xdr:nvSpPr>
        <xdr:cNvPr id="233" name="フローチャート: 判断 232">
          <a:extLst>
            <a:ext uri="{FF2B5EF4-FFF2-40B4-BE49-F238E27FC236}">
              <a16:creationId xmlns:a16="http://schemas.microsoft.com/office/drawing/2014/main" id="{00000000-0008-0000-0700-0000E9000000}"/>
            </a:ext>
          </a:extLst>
        </xdr:cNvPr>
        <xdr:cNvSpPr/>
      </xdr:nvSpPr>
      <xdr:spPr>
        <a:xfrm>
          <a:off x="3746500" y="16580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718</xdr:rowOff>
    </xdr:from>
    <xdr:ext cx="534377" cy="259045"/>
    <xdr:sp macro="" textlink="">
      <xdr:nvSpPr>
        <xdr:cNvPr id="234" name="テキスト ボックス 233">
          <a:extLst>
            <a:ext uri="{FF2B5EF4-FFF2-40B4-BE49-F238E27FC236}">
              <a16:creationId xmlns:a16="http://schemas.microsoft.com/office/drawing/2014/main" id="{00000000-0008-0000-0700-0000EA000000}"/>
            </a:ext>
          </a:extLst>
        </xdr:cNvPr>
        <xdr:cNvSpPr txBox="1"/>
      </xdr:nvSpPr>
      <xdr:spPr>
        <a:xfrm>
          <a:off x="3530111" y="16355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9921</xdr:rowOff>
    </xdr:from>
    <xdr:to>
      <xdr:col>15</xdr:col>
      <xdr:colOff>50800</xdr:colOff>
      <xdr:row>98</xdr:row>
      <xdr:rowOff>10449</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019300" y="16800571"/>
          <a:ext cx="889000" cy="1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3064</xdr:rowOff>
    </xdr:from>
    <xdr:to>
      <xdr:col>15</xdr:col>
      <xdr:colOff>101600</xdr:colOff>
      <xdr:row>97</xdr:row>
      <xdr:rowOff>83214</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2857500" y="16612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9741</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2641111" y="16387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54147</xdr:rowOff>
    </xdr:from>
    <xdr:to>
      <xdr:col>10</xdr:col>
      <xdr:colOff>114300</xdr:colOff>
      <xdr:row>98</xdr:row>
      <xdr:rowOff>10449</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1130300" y="16784797"/>
          <a:ext cx="889000" cy="27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0613</xdr:rowOff>
    </xdr:from>
    <xdr:to>
      <xdr:col>10</xdr:col>
      <xdr:colOff>165100</xdr:colOff>
      <xdr:row>97</xdr:row>
      <xdr:rowOff>112213</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1968500" y="1664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28740</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1752111" y="1641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4990</xdr:rowOff>
    </xdr:from>
    <xdr:to>
      <xdr:col>6</xdr:col>
      <xdr:colOff>38100</xdr:colOff>
      <xdr:row>97</xdr:row>
      <xdr:rowOff>116590</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1079500" y="16645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33117</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863111" y="16420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2916</xdr:rowOff>
    </xdr:from>
    <xdr:to>
      <xdr:col>24</xdr:col>
      <xdr:colOff>114300</xdr:colOff>
      <xdr:row>98</xdr:row>
      <xdr:rowOff>3066</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4584700" y="16703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9293</xdr:rowOff>
    </xdr:from>
    <xdr:ext cx="534377" cy="259045"/>
    <xdr:sp macro="" textlink="">
      <xdr:nvSpPr>
        <xdr:cNvPr id="249" name="衛生費該当値テキスト">
          <a:extLst>
            <a:ext uri="{FF2B5EF4-FFF2-40B4-BE49-F238E27FC236}">
              <a16:creationId xmlns:a16="http://schemas.microsoft.com/office/drawing/2014/main" id="{00000000-0008-0000-0700-0000F9000000}"/>
            </a:ext>
          </a:extLst>
        </xdr:cNvPr>
        <xdr:cNvSpPr txBox="1"/>
      </xdr:nvSpPr>
      <xdr:spPr>
        <a:xfrm>
          <a:off x="4686300" y="16618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6194</xdr:rowOff>
    </xdr:from>
    <xdr:to>
      <xdr:col>20</xdr:col>
      <xdr:colOff>38100</xdr:colOff>
      <xdr:row>98</xdr:row>
      <xdr:rowOff>6344</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3746500" y="16706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68921</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530111" y="16799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9121</xdr:rowOff>
    </xdr:from>
    <xdr:to>
      <xdr:col>15</xdr:col>
      <xdr:colOff>101600</xdr:colOff>
      <xdr:row>98</xdr:row>
      <xdr:rowOff>49271</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2857500" y="1674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0398</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641111" y="16842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1099</xdr:rowOff>
    </xdr:from>
    <xdr:to>
      <xdr:col>10</xdr:col>
      <xdr:colOff>165100</xdr:colOff>
      <xdr:row>98</xdr:row>
      <xdr:rowOff>61249</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1968500" y="1676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2376</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752111" y="16854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3347</xdr:rowOff>
    </xdr:from>
    <xdr:to>
      <xdr:col>6</xdr:col>
      <xdr:colOff>38100</xdr:colOff>
      <xdr:row>98</xdr:row>
      <xdr:rowOff>33497</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1079500" y="16733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4624</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863111" y="1682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7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6345</xdr:rowOff>
    </xdr:from>
    <xdr:to>
      <xdr:col>54</xdr:col>
      <xdr:colOff>189865</xdr:colOff>
      <xdr:row>39</xdr:row>
      <xdr:rowOff>98878</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flipV="1">
          <a:off x="10475595" y="5219845"/>
          <a:ext cx="1270" cy="1565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84" name="労働費最小値テキスト">
          <a:extLst>
            <a:ext uri="{FF2B5EF4-FFF2-40B4-BE49-F238E27FC236}">
              <a16:creationId xmlns:a16="http://schemas.microsoft.com/office/drawing/2014/main" id="{00000000-0008-0000-0700-00001C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3022</xdr:rowOff>
    </xdr:from>
    <xdr:ext cx="469744" cy="259045"/>
    <xdr:sp macro="" textlink="">
      <xdr:nvSpPr>
        <xdr:cNvPr id="286" name="労働費最大値テキスト">
          <a:extLst>
            <a:ext uri="{FF2B5EF4-FFF2-40B4-BE49-F238E27FC236}">
              <a16:creationId xmlns:a16="http://schemas.microsoft.com/office/drawing/2014/main" id="{00000000-0008-0000-0700-00001E010000}"/>
            </a:ext>
          </a:extLst>
        </xdr:cNvPr>
        <xdr:cNvSpPr txBox="1"/>
      </xdr:nvSpPr>
      <xdr:spPr>
        <a:xfrm>
          <a:off x="10528300" y="4995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6345</xdr:rowOff>
    </xdr:from>
    <xdr:to>
      <xdr:col>55</xdr:col>
      <xdr:colOff>88900</xdr:colOff>
      <xdr:row>30</xdr:row>
      <xdr:rowOff>76345</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521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2753</xdr:rowOff>
    </xdr:from>
    <xdr:to>
      <xdr:col>55</xdr:col>
      <xdr:colOff>0</xdr:colOff>
      <xdr:row>38</xdr:row>
      <xdr:rowOff>8483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9639300" y="6587853"/>
          <a:ext cx="838200" cy="12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51</xdr:rowOff>
    </xdr:from>
    <xdr:ext cx="378565" cy="259045"/>
    <xdr:sp macro="" textlink="">
      <xdr:nvSpPr>
        <xdr:cNvPr id="289" name="労働費平均値テキスト">
          <a:extLst>
            <a:ext uri="{FF2B5EF4-FFF2-40B4-BE49-F238E27FC236}">
              <a16:creationId xmlns:a16="http://schemas.microsoft.com/office/drawing/2014/main" id="{00000000-0008-0000-0700-000021010000}"/>
            </a:ext>
          </a:extLst>
        </xdr:cNvPr>
        <xdr:cNvSpPr txBox="1"/>
      </xdr:nvSpPr>
      <xdr:spPr>
        <a:xfrm>
          <a:off x="10528300" y="65249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31424</xdr:rowOff>
    </xdr:from>
    <xdr:to>
      <xdr:col>55</xdr:col>
      <xdr:colOff>50800</xdr:colOff>
      <xdr:row>38</xdr:row>
      <xdr:rowOff>133024</xdr:rowOff>
    </xdr:to>
    <xdr:sp macro="" textlink="">
      <xdr:nvSpPr>
        <xdr:cNvPr id="290" name="フローチャート: 判断 289">
          <a:extLst>
            <a:ext uri="{FF2B5EF4-FFF2-40B4-BE49-F238E27FC236}">
              <a16:creationId xmlns:a16="http://schemas.microsoft.com/office/drawing/2014/main" id="{00000000-0008-0000-0700-000022010000}"/>
            </a:ext>
          </a:extLst>
        </xdr:cNvPr>
        <xdr:cNvSpPr/>
      </xdr:nvSpPr>
      <xdr:spPr>
        <a:xfrm>
          <a:off x="10426700" y="6546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8507</xdr:rowOff>
    </xdr:from>
    <xdr:to>
      <xdr:col>50</xdr:col>
      <xdr:colOff>114300</xdr:colOff>
      <xdr:row>38</xdr:row>
      <xdr:rowOff>8483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8750300" y="658360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9969</xdr:rowOff>
    </xdr:from>
    <xdr:to>
      <xdr:col>50</xdr:col>
      <xdr:colOff>165100</xdr:colOff>
      <xdr:row>38</xdr:row>
      <xdr:rowOff>80119</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9588500" y="649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46</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9450017" y="62688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0343</xdr:rowOff>
    </xdr:from>
    <xdr:to>
      <xdr:col>45</xdr:col>
      <xdr:colOff>177800</xdr:colOff>
      <xdr:row>38</xdr:row>
      <xdr:rowOff>68507</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7861300" y="6575443"/>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49058</xdr:rowOff>
    </xdr:from>
    <xdr:to>
      <xdr:col>46</xdr:col>
      <xdr:colOff>38100</xdr:colOff>
      <xdr:row>38</xdr:row>
      <xdr:rowOff>15065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8699500" y="656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41785</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8561017" y="66568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1402</xdr:rowOff>
    </xdr:from>
    <xdr:to>
      <xdr:col>41</xdr:col>
      <xdr:colOff>50800</xdr:colOff>
      <xdr:row>38</xdr:row>
      <xdr:rowOff>60343</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6972300" y="6556502"/>
          <a:ext cx="889000" cy="18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28484</xdr:rowOff>
    </xdr:from>
    <xdr:to>
      <xdr:col>41</xdr:col>
      <xdr:colOff>101600</xdr:colOff>
      <xdr:row>38</xdr:row>
      <xdr:rowOff>130084</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7810500" y="6543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21211</xdr:rowOff>
    </xdr:from>
    <xdr:ext cx="378565"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2017" y="66363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79</xdr:rowOff>
    </xdr:from>
    <xdr:to>
      <xdr:col>36</xdr:col>
      <xdr:colOff>165100</xdr:colOff>
      <xdr:row>38</xdr:row>
      <xdr:rowOff>102979</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6921500" y="6516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94106</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6783017" y="66092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1953</xdr:rowOff>
    </xdr:from>
    <xdr:to>
      <xdr:col>55</xdr:col>
      <xdr:colOff>50800</xdr:colOff>
      <xdr:row>38</xdr:row>
      <xdr:rowOff>123553</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10426700" y="6537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4830</xdr:rowOff>
    </xdr:from>
    <xdr:ext cx="378565" cy="259045"/>
    <xdr:sp macro="" textlink="">
      <xdr:nvSpPr>
        <xdr:cNvPr id="308" name="労働費該当値テキスト">
          <a:extLst>
            <a:ext uri="{FF2B5EF4-FFF2-40B4-BE49-F238E27FC236}">
              <a16:creationId xmlns:a16="http://schemas.microsoft.com/office/drawing/2014/main" id="{00000000-0008-0000-0700-000034010000}"/>
            </a:ext>
          </a:extLst>
        </xdr:cNvPr>
        <xdr:cNvSpPr txBox="1"/>
      </xdr:nvSpPr>
      <xdr:spPr>
        <a:xfrm>
          <a:off x="10528300" y="63884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34036</xdr:rowOff>
    </xdr:from>
    <xdr:to>
      <xdr:col>50</xdr:col>
      <xdr:colOff>165100</xdr:colOff>
      <xdr:row>38</xdr:row>
      <xdr:rowOff>135636</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9588500" y="6549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26763</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50017" y="66418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7707</xdr:rowOff>
    </xdr:from>
    <xdr:to>
      <xdr:col>46</xdr:col>
      <xdr:colOff>38100</xdr:colOff>
      <xdr:row>38</xdr:row>
      <xdr:rowOff>119307</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8699500" y="6532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35834</xdr:rowOff>
    </xdr:from>
    <xdr:ext cx="378565"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8561017" y="63080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543</xdr:rowOff>
    </xdr:from>
    <xdr:to>
      <xdr:col>41</xdr:col>
      <xdr:colOff>101600</xdr:colOff>
      <xdr:row>38</xdr:row>
      <xdr:rowOff>111143</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7810500" y="6524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27670</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7672017" y="6299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2052</xdr:rowOff>
    </xdr:from>
    <xdr:to>
      <xdr:col>36</xdr:col>
      <xdr:colOff>165100</xdr:colOff>
      <xdr:row>38</xdr:row>
      <xdr:rowOff>92202</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6921500" y="6505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08729</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6783017" y="62809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7965</xdr:rowOff>
    </xdr:from>
    <xdr:to>
      <xdr:col>54</xdr:col>
      <xdr:colOff>189865</xdr:colOff>
      <xdr:row>59</xdr:row>
      <xdr:rowOff>3145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flipV="1">
          <a:off x="10475595" y="8781915"/>
          <a:ext cx="1270" cy="1365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5277</xdr:rowOff>
    </xdr:from>
    <xdr:ext cx="469744" cy="259045"/>
    <xdr:sp macro="" textlink="">
      <xdr:nvSpPr>
        <xdr:cNvPr id="341" name="農林水産業費最小値テキスト">
          <a:extLst>
            <a:ext uri="{FF2B5EF4-FFF2-40B4-BE49-F238E27FC236}">
              <a16:creationId xmlns:a16="http://schemas.microsoft.com/office/drawing/2014/main" id="{00000000-0008-0000-0700-000055010000}"/>
            </a:ext>
          </a:extLst>
        </xdr:cNvPr>
        <xdr:cNvSpPr txBox="1"/>
      </xdr:nvSpPr>
      <xdr:spPr>
        <a:xfrm>
          <a:off x="10528300" y="1015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1450</xdr:rowOff>
    </xdr:from>
    <xdr:to>
      <xdr:col>55</xdr:col>
      <xdr:colOff>88900</xdr:colOff>
      <xdr:row>59</xdr:row>
      <xdr:rowOff>3145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10388600" y="10147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6092</xdr:rowOff>
    </xdr:from>
    <xdr:ext cx="599010" cy="259045"/>
    <xdr:sp macro="" textlink="">
      <xdr:nvSpPr>
        <xdr:cNvPr id="343" name="農林水産業費最大値テキスト">
          <a:extLst>
            <a:ext uri="{FF2B5EF4-FFF2-40B4-BE49-F238E27FC236}">
              <a16:creationId xmlns:a16="http://schemas.microsoft.com/office/drawing/2014/main" id="{00000000-0008-0000-0700-000057010000}"/>
            </a:ext>
          </a:extLst>
        </xdr:cNvPr>
        <xdr:cNvSpPr txBox="1"/>
      </xdr:nvSpPr>
      <xdr:spPr>
        <a:xfrm>
          <a:off x="10528300" y="85571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0,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7965</xdr:rowOff>
    </xdr:from>
    <xdr:to>
      <xdr:col>55</xdr:col>
      <xdr:colOff>88900</xdr:colOff>
      <xdr:row>51</xdr:row>
      <xdr:rowOff>3796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10388600" y="8781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38039</xdr:rowOff>
    </xdr:from>
    <xdr:to>
      <xdr:col>55</xdr:col>
      <xdr:colOff>0</xdr:colOff>
      <xdr:row>58</xdr:row>
      <xdr:rowOff>146086</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9639300" y="10082139"/>
          <a:ext cx="838200" cy="8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1051</xdr:rowOff>
    </xdr:from>
    <xdr:ext cx="534377" cy="259045"/>
    <xdr:sp macro="" textlink="">
      <xdr:nvSpPr>
        <xdr:cNvPr id="346" name="農林水産業費平均値テキスト">
          <a:extLst>
            <a:ext uri="{FF2B5EF4-FFF2-40B4-BE49-F238E27FC236}">
              <a16:creationId xmlns:a16="http://schemas.microsoft.com/office/drawing/2014/main" id="{00000000-0008-0000-0700-00005A010000}"/>
            </a:ext>
          </a:extLst>
        </xdr:cNvPr>
        <xdr:cNvSpPr txBox="1"/>
      </xdr:nvSpPr>
      <xdr:spPr>
        <a:xfrm>
          <a:off x="10528300" y="97222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8174</xdr:rowOff>
    </xdr:from>
    <xdr:to>
      <xdr:col>55</xdr:col>
      <xdr:colOff>50800</xdr:colOff>
      <xdr:row>58</xdr:row>
      <xdr:rowOff>28324</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10426700" y="9870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5773</xdr:rowOff>
    </xdr:from>
    <xdr:to>
      <xdr:col>50</xdr:col>
      <xdr:colOff>114300</xdr:colOff>
      <xdr:row>58</xdr:row>
      <xdr:rowOff>146086</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8750300" y="10089873"/>
          <a:ext cx="889000" cy="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06144</xdr:rowOff>
    </xdr:from>
    <xdr:to>
      <xdr:col>50</xdr:col>
      <xdr:colOff>165100</xdr:colOff>
      <xdr:row>58</xdr:row>
      <xdr:rowOff>36294</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95885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52821</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9372111" y="965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5773</xdr:rowOff>
    </xdr:from>
    <xdr:to>
      <xdr:col>45</xdr:col>
      <xdr:colOff>177800</xdr:colOff>
      <xdr:row>58</xdr:row>
      <xdr:rowOff>15379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flipV="1">
          <a:off x="7861300" y="10089873"/>
          <a:ext cx="889000" cy="8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4076</xdr:rowOff>
    </xdr:from>
    <xdr:to>
      <xdr:col>46</xdr:col>
      <xdr:colOff>38100</xdr:colOff>
      <xdr:row>58</xdr:row>
      <xdr:rowOff>14226</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8699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30753</xdr:rowOff>
    </xdr:from>
    <xdr:ext cx="534377"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8483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2192</xdr:rowOff>
    </xdr:from>
    <xdr:to>
      <xdr:col>41</xdr:col>
      <xdr:colOff>50800</xdr:colOff>
      <xdr:row>58</xdr:row>
      <xdr:rowOff>153797</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a:off x="6972300" y="10086292"/>
          <a:ext cx="889000" cy="11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6416</xdr:rowOff>
    </xdr:from>
    <xdr:to>
      <xdr:col>41</xdr:col>
      <xdr:colOff>101600</xdr:colOff>
      <xdr:row>58</xdr:row>
      <xdr:rowOff>46566</xdr:rowOff>
    </xdr:to>
    <xdr:sp macro="" textlink="">
      <xdr:nvSpPr>
        <xdr:cNvPr id="355" name="フローチャート: 判断 354">
          <a:extLst>
            <a:ext uri="{FF2B5EF4-FFF2-40B4-BE49-F238E27FC236}">
              <a16:creationId xmlns:a16="http://schemas.microsoft.com/office/drawing/2014/main" id="{00000000-0008-0000-0700-000063010000}"/>
            </a:ext>
          </a:extLst>
        </xdr:cNvPr>
        <xdr:cNvSpPr/>
      </xdr:nvSpPr>
      <xdr:spPr>
        <a:xfrm>
          <a:off x="7810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3093</xdr:rowOff>
    </xdr:from>
    <xdr:ext cx="534377"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594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611</xdr:rowOff>
    </xdr:from>
    <xdr:to>
      <xdr:col>36</xdr:col>
      <xdr:colOff>165100</xdr:colOff>
      <xdr:row>58</xdr:row>
      <xdr:rowOff>48761</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6921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5288</xdr:rowOff>
    </xdr:from>
    <xdr:ext cx="534377"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6705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7239</xdr:rowOff>
    </xdr:from>
    <xdr:to>
      <xdr:col>55</xdr:col>
      <xdr:colOff>50800</xdr:colOff>
      <xdr:row>59</xdr:row>
      <xdr:rowOff>17389</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10426700" y="10031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166</xdr:rowOff>
    </xdr:from>
    <xdr:ext cx="534377" cy="259045"/>
    <xdr:sp macro="" textlink="">
      <xdr:nvSpPr>
        <xdr:cNvPr id="365" name="農林水産業費該当値テキスト">
          <a:extLst>
            <a:ext uri="{FF2B5EF4-FFF2-40B4-BE49-F238E27FC236}">
              <a16:creationId xmlns:a16="http://schemas.microsoft.com/office/drawing/2014/main" id="{00000000-0008-0000-0700-00006D010000}"/>
            </a:ext>
          </a:extLst>
        </xdr:cNvPr>
        <xdr:cNvSpPr txBox="1"/>
      </xdr:nvSpPr>
      <xdr:spPr>
        <a:xfrm>
          <a:off x="10528300" y="9946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5286</xdr:rowOff>
    </xdr:from>
    <xdr:to>
      <xdr:col>50</xdr:col>
      <xdr:colOff>165100</xdr:colOff>
      <xdr:row>59</xdr:row>
      <xdr:rowOff>25436</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9588500" y="10039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6563</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9404428" y="10132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94973</xdr:rowOff>
    </xdr:from>
    <xdr:to>
      <xdr:col>46</xdr:col>
      <xdr:colOff>38100</xdr:colOff>
      <xdr:row>59</xdr:row>
      <xdr:rowOff>25123</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8699500" y="1003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6250</xdr:rowOff>
    </xdr:from>
    <xdr:ext cx="469744"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8515428" y="10131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02997</xdr:rowOff>
    </xdr:from>
    <xdr:to>
      <xdr:col>41</xdr:col>
      <xdr:colOff>101600</xdr:colOff>
      <xdr:row>59</xdr:row>
      <xdr:rowOff>33147</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7810500" y="1004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24274</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26428" y="10139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1392</xdr:rowOff>
    </xdr:from>
    <xdr:to>
      <xdr:col>36</xdr:col>
      <xdr:colOff>165100</xdr:colOff>
      <xdr:row>59</xdr:row>
      <xdr:rowOff>21542</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6921500" y="1003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2669</xdr:rowOff>
    </xdr:from>
    <xdr:ext cx="469744"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6737428" y="10128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60033</xdr:rowOff>
    </xdr:from>
    <xdr:to>
      <xdr:col>54</xdr:col>
      <xdr:colOff>189865</xdr:colOff>
      <xdr:row>79</xdr:row>
      <xdr:rowOff>16078</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flipV="1">
          <a:off x="10475595" y="11990083"/>
          <a:ext cx="1270" cy="15705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9905</xdr:rowOff>
    </xdr:from>
    <xdr:ext cx="469744" cy="259045"/>
    <xdr:sp macro="" textlink="">
      <xdr:nvSpPr>
        <xdr:cNvPr id="398" name="商工費最小値テキスト">
          <a:extLst>
            <a:ext uri="{FF2B5EF4-FFF2-40B4-BE49-F238E27FC236}">
              <a16:creationId xmlns:a16="http://schemas.microsoft.com/office/drawing/2014/main" id="{00000000-0008-0000-0700-00008E010000}"/>
            </a:ext>
          </a:extLst>
        </xdr:cNvPr>
        <xdr:cNvSpPr txBox="1"/>
      </xdr:nvSpPr>
      <xdr:spPr>
        <a:xfrm>
          <a:off x="10528300" y="13564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078</xdr:rowOff>
    </xdr:from>
    <xdr:to>
      <xdr:col>55</xdr:col>
      <xdr:colOff>88900</xdr:colOff>
      <xdr:row>79</xdr:row>
      <xdr:rowOff>16078</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10388600" y="13560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6710</xdr:rowOff>
    </xdr:from>
    <xdr:ext cx="599010" cy="259045"/>
    <xdr:sp macro="" textlink="">
      <xdr:nvSpPr>
        <xdr:cNvPr id="400" name="商工費最大値テキスト">
          <a:extLst>
            <a:ext uri="{FF2B5EF4-FFF2-40B4-BE49-F238E27FC236}">
              <a16:creationId xmlns:a16="http://schemas.microsoft.com/office/drawing/2014/main" id="{00000000-0008-0000-0700-000090010000}"/>
            </a:ext>
          </a:extLst>
        </xdr:cNvPr>
        <xdr:cNvSpPr txBox="1"/>
      </xdr:nvSpPr>
      <xdr:spPr>
        <a:xfrm>
          <a:off x="10528300" y="11765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8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60033</xdr:rowOff>
    </xdr:from>
    <xdr:to>
      <xdr:col>55</xdr:col>
      <xdr:colOff>88900</xdr:colOff>
      <xdr:row>69</xdr:row>
      <xdr:rowOff>160033</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1990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89154</xdr:rowOff>
    </xdr:from>
    <xdr:to>
      <xdr:col>55</xdr:col>
      <xdr:colOff>0</xdr:colOff>
      <xdr:row>78</xdr:row>
      <xdr:rowOff>9112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9639300" y="13462254"/>
          <a:ext cx="838200" cy="1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955</xdr:rowOff>
    </xdr:from>
    <xdr:ext cx="534377" cy="259045"/>
    <xdr:sp macro="" textlink="">
      <xdr:nvSpPr>
        <xdr:cNvPr id="403" name="商工費平均値テキスト">
          <a:extLst>
            <a:ext uri="{FF2B5EF4-FFF2-40B4-BE49-F238E27FC236}">
              <a16:creationId xmlns:a16="http://schemas.microsoft.com/office/drawing/2014/main" id="{00000000-0008-0000-0700-000093010000}"/>
            </a:ext>
          </a:extLst>
        </xdr:cNvPr>
        <xdr:cNvSpPr txBox="1"/>
      </xdr:nvSpPr>
      <xdr:spPr>
        <a:xfrm>
          <a:off x="10528300" y="1304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0528</xdr:rowOff>
    </xdr:from>
    <xdr:to>
      <xdr:col>55</xdr:col>
      <xdr:colOff>50800</xdr:colOff>
      <xdr:row>77</xdr:row>
      <xdr:rowOff>90678</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10426700" y="1319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1123</xdr:rowOff>
    </xdr:from>
    <xdr:to>
      <xdr:col>50</xdr:col>
      <xdr:colOff>114300</xdr:colOff>
      <xdr:row>78</xdr:row>
      <xdr:rowOff>95377</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8750300" y="13464223"/>
          <a:ext cx="889000" cy="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6</xdr:rowOff>
    </xdr:from>
    <xdr:to>
      <xdr:col>50</xdr:col>
      <xdr:colOff>165100</xdr:colOff>
      <xdr:row>77</xdr:row>
      <xdr:rowOff>103276</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9588500" y="13203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19803</xdr:rowOff>
    </xdr:from>
    <xdr:ext cx="534377"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9372111" y="12978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5377</xdr:rowOff>
    </xdr:from>
    <xdr:to>
      <xdr:col>45</xdr:col>
      <xdr:colOff>177800</xdr:colOff>
      <xdr:row>78</xdr:row>
      <xdr:rowOff>111989</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flipV="1">
          <a:off x="7861300" y="13468477"/>
          <a:ext cx="8890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1846</xdr:rowOff>
    </xdr:from>
    <xdr:to>
      <xdr:col>46</xdr:col>
      <xdr:colOff>38100</xdr:colOff>
      <xdr:row>77</xdr:row>
      <xdr:rowOff>71996</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86995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88523</xdr:rowOff>
    </xdr:from>
    <xdr:ext cx="534377"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8483111" y="12947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0413</xdr:rowOff>
    </xdr:from>
    <xdr:to>
      <xdr:col>41</xdr:col>
      <xdr:colOff>50800</xdr:colOff>
      <xdr:row>78</xdr:row>
      <xdr:rowOff>111989</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6972300" y="13483513"/>
          <a:ext cx="889000" cy="1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98146</xdr:rowOff>
    </xdr:from>
    <xdr:to>
      <xdr:col>41</xdr:col>
      <xdr:colOff>101600</xdr:colOff>
      <xdr:row>78</xdr:row>
      <xdr:rowOff>28296</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7810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4823</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7594111" y="130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1185</xdr:rowOff>
    </xdr:from>
    <xdr:to>
      <xdr:col>36</xdr:col>
      <xdr:colOff>165100</xdr:colOff>
      <xdr:row>78</xdr:row>
      <xdr:rowOff>71335</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6921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7862</xdr:rowOff>
    </xdr:from>
    <xdr:ext cx="534377"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6705111" y="1311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8354</xdr:rowOff>
    </xdr:from>
    <xdr:to>
      <xdr:col>55</xdr:col>
      <xdr:colOff>50800</xdr:colOff>
      <xdr:row>78</xdr:row>
      <xdr:rowOff>139954</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10426700" y="1341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4731</xdr:rowOff>
    </xdr:from>
    <xdr:ext cx="469744" cy="259045"/>
    <xdr:sp macro="" textlink="">
      <xdr:nvSpPr>
        <xdr:cNvPr id="422" name="商工費該当値テキスト">
          <a:extLst>
            <a:ext uri="{FF2B5EF4-FFF2-40B4-BE49-F238E27FC236}">
              <a16:creationId xmlns:a16="http://schemas.microsoft.com/office/drawing/2014/main" id="{00000000-0008-0000-0700-0000A6010000}"/>
            </a:ext>
          </a:extLst>
        </xdr:cNvPr>
        <xdr:cNvSpPr txBox="1"/>
      </xdr:nvSpPr>
      <xdr:spPr>
        <a:xfrm>
          <a:off x="10528300" y="1332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0323</xdr:rowOff>
    </xdr:from>
    <xdr:to>
      <xdr:col>50</xdr:col>
      <xdr:colOff>165100</xdr:colOff>
      <xdr:row>78</xdr:row>
      <xdr:rowOff>141923</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9588500" y="1341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33050</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9404428" y="1350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4577</xdr:rowOff>
    </xdr:from>
    <xdr:to>
      <xdr:col>46</xdr:col>
      <xdr:colOff>38100</xdr:colOff>
      <xdr:row>78</xdr:row>
      <xdr:rowOff>14617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8699500" y="1341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7304</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8515428" y="13510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1189</xdr:rowOff>
    </xdr:from>
    <xdr:to>
      <xdr:col>41</xdr:col>
      <xdr:colOff>101600</xdr:colOff>
      <xdr:row>78</xdr:row>
      <xdr:rowOff>162789</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7810500" y="1343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3916</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26428" y="13527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9613</xdr:rowOff>
    </xdr:from>
    <xdr:to>
      <xdr:col>36</xdr:col>
      <xdr:colOff>165100</xdr:colOff>
      <xdr:row>78</xdr:row>
      <xdr:rowOff>16121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6921500" y="1343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2340</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6737428" y="13525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421</xdr:rowOff>
    </xdr:from>
    <xdr:to>
      <xdr:col>54</xdr:col>
      <xdr:colOff>189865</xdr:colOff>
      <xdr:row>97</xdr:row>
      <xdr:rowOff>83762</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524921"/>
          <a:ext cx="1270" cy="1189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7589</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7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83762</xdr:rowOff>
    </xdr:from>
    <xdr:to>
      <xdr:col>55</xdr:col>
      <xdr:colOff>88900</xdr:colOff>
      <xdr:row>97</xdr:row>
      <xdr:rowOff>83762</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714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098</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300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92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4421</xdr:rowOff>
    </xdr:from>
    <xdr:to>
      <xdr:col>55</xdr:col>
      <xdr:colOff>88900</xdr:colOff>
      <xdr:row>90</xdr:row>
      <xdr:rowOff>94421</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524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39083</xdr:rowOff>
    </xdr:from>
    <xdr:to>
      <xdr:col>55</xdr:col>
      <xdr:colOff>0</xdr:colOff>
      <xdr:row>97</xdr:row>
      <xdr:rowOff>9706</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9639300" y="16598283"/>
          <a:ext cx="838200" cy="42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47690</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2639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4813</xdr:rowOff>
    </xdr:from>
    <xdr:to>
      <xdr:col>55</xdr:col>
      <xdr:colOff>50800</xdr:colOff>
      <xdr:row>96</xdr:row>
      <xdr:rowOff>54963</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41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9331</xdr:rowOff>
    </xdr:from>
    <xdr:to>
      <xdr:col>50</xdr:col>
      <xdr:colOff>114300</xdr:colOff>
      <xdr:row>97</xdr:row>
      <xdr:rowOff>9706</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618531"/>
          <a:ext cx="889000" cy="2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41918</xdr:rowOff>
    </xdr:from>
    <xdr:to>
      <xdr:col>50</xdr:col>
      <xdr:colOff>165100</xdr:colOff>
      <xdr:row>96</xdr:row>
      <xdr:rowOff>72068</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429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8595</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204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67611</xdr:rowOff>
    </xdr:from>
    <xdr:to>
      <xdr:col>45</xdr:col>
      <xdr:colOff>177800</xdr:colOff>
      <xdr:row>96</xdr:row>
      <xdr:rowOff>159331</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7861300" y="16526811"/>
          <a:ext cx="889000" cy="91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8139</xdr:rowOff>
    </xdr:from>
    <xdr:to>
      <xdr:col>46</xdr:col>
      <xdr:colOff>38100</xdr:colOff>
      <xdr:row>96</xdr:row>
      <xdr:rowOff>58289</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74816</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19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41928</xdr:rowOff>
    </xdr:from>
    <xdr:to>
      <xdr:col>41</xdr:col>
      <xdr:colOff>50800</xdr:colOff>
      <xdr:row>96</xdr:row>
      <xdr:rowOff>67611</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972300" y="16329678"/>
          <a:ext cx="889000" cy="19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2829</xdr:rowOff>
    </xdr:from>
    <xdr:to>
      <xdr:col>41</xdr:col>
      <xdr:colOff>101600</xdr:colOff>
      <xdr:row>96</xdr:row>
      <xdr:rowOff>92979</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09506</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22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611</xdr:rowOff>
    </xdr:from>
    <xdr:to>
      <xdr:col>36</xdr:col>
      <xdr:colOff>165100</xdr:colOff>
      <xdr:row>96</xdr:row>
      <xdr:rowOff>80761</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71888</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53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8283</xdr:rowOff>
    </xdr:from>
    <xdr:to>
      <xdr:col>55</xdr:col>
      <xdr:colOff>50800</xdr:colOff>
      <xdr:row>97</xdr:row>
      <xdr:rowOff>18433</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547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210</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462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0356</xdr:rowOff>
    </xdr:from>
    <xdr:to>
      <xdr:col>50</xdr:col>
      <xdr:colOff>165100</xdr:colOff>
      <xdr:row>97</xdr:row>
      <xdr:rowOff>60506</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58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1633</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682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8531</xdr:rowOff>
    </xdr:from>
    <xdr:to>
      <xdr:col>46</xdr:col>
      <xdr:colOff>38100</xdr:colOff>
      <xdr:row>97</xdr:row>
      <xdr:rowOff>38681</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56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29808</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660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811</xdr:rowOff>
    </xdr:from>
    <xdr:to>
      <xdr:col>41</xdr:col>
      <xdr:colOff>101600</xdr:colOff>
      <xdr:row>96</xdr:row>
      <xdr:rowOff>118411</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476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9538</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56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62578</xdr:rowOff>
    </xdr:from>
    <xdr:to>
      <xdr:col>36</xdr:col>
      <xdr:colOff>165100</xdr:colOff>
      <xdr:row>95</xdr:row>
      <xdr:rowOff>92728</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2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09255</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05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9761</xdr:rowOff>
    </xdr:from>
    <xdr:to>
      <xdr:col>85</xdr:col>
      <xdr:colOff>126364</xdr:colOff>
      <xdr:row>38</xdr:row>
      <xdr:rowOff>28421</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313261"/>
          <a:ext cx="1269" cy="1230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2248</xdr:rowOff>
    </xdr:from>
    <xdr:ext cx="534377"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54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8421</xdr:rowOff>
    </xdr:from>
    <xdr:to>
      <xdr:col>86</xdr:col>
      <xdr:colOff>25400</xdr:colOff>
      <xdr:row>38</xdr:row>
      <xdr:rowOff>2842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543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16438</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88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0,15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9761</xdr:rowOff>
    </xdr:from>
    <xdr:to>
      <xdr:col>86</xdr:col>
      <xdr:colOff>25400</xdr:colOff>
      <xdr:row>30</xdr:row>
      <xdr:rowOff>169761</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3132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64899</xdr:rowOff>
    </xdr:from>
    <xdr:to>
      <xdr:col>85</xdr:col>
      <xdr:colOff>127000</xdr:colOff>
      <xdr:row>37</xdr:row>
      <xdr:rowOff>91923</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6408549"/>
          <a:ext cx="838200" cy="27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0956</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141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079</xdr:rowOff>
    </xdr:from>
    <xdr:to>
      <xdr:col>85</xdr:col>
      <xdr:colOff>177800</xdr:colOff>
      <xdr:row>37</xdr:row>
      <xdr:rowOff>48229</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90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2361</xdr:rowOff>
    </xdr:from>
    <xdr:to>
      <xdr:col>81</xdr:col>
      <xdr:colOff>50800</xdr:colOff>
      <xdr:row>37</xdr:row>
      <xdr:rowOff>64899</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314561"/>
          <a:ext cx="889000" cy="93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93635</xdr:rowOff>
    </xdr:from>
    <xdr:to>
      <xdr:col>81</xdr:col>
      <xdr:colOff>101600</xdr:colOff>
      <xdr:row>37</xdr:row>
      <xdr:rowOff>23785</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26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0312</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604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74908</xdr:rowOff>
    </xdr:from>
    <xdr:to>
      <xdr:col>76</xdr:col>
      <xdr:colOff>114300</xdr:colOff>
      <xdr:row>36</xdr:row>
      <xdr:rowOff>14236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3703300" y="6247108"/>
          <a:ext cx="889000" cy="6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36469</xdr:rowOff>
    </xdr:from>
    <xdr:to>
      <xdr:col>76</xdr:col>
      <xdr:colOff>165100</xdr:colOff>
      <xdr:row>36</xdr:row>
      <xdr:rowOff>138069</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208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54596</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5983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4908</xdr:rowOff>
    </xdr:from>
    <xdr:to>
      <xdr:col>71</xdr:col>
      <xdr:colOff>177800</xdr:colOff>
      <xdr:row>37</xdr:row>
      <xdr:rowOff>131111</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6247108"/>
          <a:ext cx="889000" cy="227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07237</xdr:rowOff>
    </xdr:from>
    <xdr:to>
      <xdr:col>72</xdr:col>
      <xdr:colOff>38100</xdr:colOff>
      <xdr:row>37</xdr:row>
      <xdr:rowOff>37387</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279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8514</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637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7962</xdr:rowOff>
    </xdr:from>
    <xdr:to>
      <xdr:col>67</xdr:col>
      <xdr:colOff>101600</xdr:colOff>
      <xdr:row>37</xdr:row>
      <xdr:rowOff>28112</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4639</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604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1123</xdr:rowOff>
    </xdr:from>
    <xdr:to>
      <xdr:col>85</xdr:col>
      <xdr:colOff>177800</xdr:colOff>
      <xdr:row>37</xdr:row>
      <xdr:rowOff>142723</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384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27500</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299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099</xdr:rowOff>
    </xdr:from>
    <xdr:to>
      <xdr:col>81</xdr:col>
      <xdr:colOff>101600</xdr:colOff>
      <xdr:row>37</xdr:row>
      <xdr:rowOff>115699</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357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6826</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14111" y="6450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91561</xdr:rowOff>
    </xdr:from>
    <xdr:to>
      <xdr:col>76</xdr:col>
      <xdr:colOff>165100</xdr:colOff>
      <xdr:row>37</xdr:row>
      <xdr:rowOff>21711</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26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838</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25111" y="635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24108</xdr:rowOff>
    </xdr:from>
    <xdr:to>
      <xdr:col>72</xdr:col>
      <xdr:colOff>38100</xdr:colOff>
      <xdr:row>36</xdr:row>
      <xdr:rowOff>125708</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19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42235</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597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0311</xdr:rowOff>
    </xdr:from>
    <xdr:to>
      <xdr:col>67</xdr:col>
      <xdr:colOff>101600</xdr:colOff>
      <xdr:row>38</xdr:row>
      <xdr:rowOff>10461</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42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588</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516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8949</xdr:rowOff>
    </xdr:from>
    <xdr:to>
      <xdr:col>85</xdr:col>
      <xdr:colOff>126364</xdr:colOff>
      <xdr:row>57</xdr:row>
      <xdr:rowOff>166245</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flipV="1">
          <a:off x="16317595" y="8802899"/>
          <a:ext cx="1269" cy="11359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70072</xdr:rowOff>
    </xdr:from>
    <xdr:ext cx="534377" cy="259045"/>
    <xdr:sp macro="" textlink="">
      <xdr:nvSpPr>
        <xdr:cNvPr id="565" name="教育費最小値テキスト">
          <a:extLst>
            <a:ext uri="{FF2B5EF4-FFF2-40B4-BE49-F238E27FC236}">
              <a16:creationId xmlns:a16="http://schemas.microsoft.com/office/drawing/2014/main" id="{00000000-0008-0000-0700-000035020000}"/>
            </a:ext>
          </a:extLst>
        </xdr:cNvPr>
        <xdr:cNvSpPr txBox="1"/>
      </xdr:nvSpPr>
      <xdr:spPr>
        <a:xfrm>
          <a:off x="16370300" y="9942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6245</xdr:rowOff>
    </xdr:from>
    <xdr:to>
      <xdr:col>86</xdr:col>
      <xdr:colOff>25400</xdr:colOff>
      <xdr:row>57</xdr:row>
      <xdr:rowOff>166245</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99388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5626</xdr:rowOff>
    </xdr:from>
    <xdr:ext cx="599010" cy="259045"/>
    <xdr:sp macro="" textlink="">
      <xdr:nvSpPr>
        <xdr:cNvPr id="567" name="教育費最大値テキスト">
          <a:extLst>
            <a:ext uri="{FF2B5EF4-FFF2-40B4-BE49-F238E27FC236}">
              <a16:creationId xmlns:a16="http://schemas.microsoft.com/office/drawing/2014/main" id="{00000000-0008-0000-0700-000037020000}"/>
            </a:ext>
          </a:extLst>
        </xdr:cNvPr>
        <xdr:cNvSpPr txBox="1"/>
      </xdr:nvSpPr>
      <xdr:spPr>
        <a:xfrm>
          <a:off x="16370300" y="8578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8949</xdr:rowOff>
    </xdr:from>
    <xdr:to>
      <xdr:col>86</xdr:col>
      <xdr:colOff>25400</xdr:colOff>
      <xdr:row>51</xdr:row>
      <xdr:rowOff>58949</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6230600" y="8802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103810</xdr:rowOff>
    </xdr:from>
    <xdr:to>
      <xdr:col>85</xdr:col>
      <xdr:colOff>127000</xdr:colOff>
      <xdr:row>56</xdr:row>
      <xdr:rowOff>32693</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5481300" y="9019210"/>
          <a:ext cx="838200" cy="614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1015</xdr:rowOff>
    </xdr:from>
    <xdr:ext cx="534377" cy="259045"/>
    <xdr:sp macro="" textlink="">
      <xdr:nvSpPr>
        <xdr:cNvPr id="570" name="教育費平均値テキスト">
          <a:extLst>
            <a:ext uri="{FF2B5EF4-FFF2-40B4-BE49-F238E27FC236}">
              <a16:creationId xmlns:a16="http://schemas.microsoft.com/office/drawing/2014/main" id="{00000000-0008-0000-0700-00003A020000}"/>
            </a:ext>
          </a:extLst>
        </xdr:cNvPr>
        <xdr:cNvSpPr txBox="1"/>
      </xdr:nvSpPr>
      <xdr:spPr>
        <a:xfrm>
          <a:off x="16370300" y="96922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8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2588</xdr:rowOff>
    </xdr:from>
    <xdr:to>
      <xdr:col>85</xdr:col>
      <xdr:colOff>177800</xdr:colOff>
      <xdr:row>57</xdr:row>
      <xdr:rowOff>42738</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6268700" y="97137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2</xdr:row>
      <xdr:rowOff>103810</xdr:rowOff>
    </xdr:from>
    <xdr:to>
      <xdr:col>81</xdr:col>
      <xdr:colOff>50800</xdr:colOff>
      <xdr:row>56</xdr:row>
      <xdr:rowOff>39276</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4592300" y="9019210"/>
          <a:ext cx="889000" cy="621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5157</xdr:rowOff>
    </xdr:from>
    <xdr:to>
      <xdr:col>81</xdr:col>
      <xdr:colOff>101600</xdr:colOff>
      <xdr:row>57</xdr:row>
      <xdr:rowOff>45307</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54305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36434</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5214111" y="9809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39276</xdr:rowOff>
    </xdr:from>
    <xdr:to>
      <xdr:col>76</xdr:col>
      <xdr:colOff>114300</xdr:colOff>
      <xdr:row>57</xdr:row>
      <xdr:rowOff>107271</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flipV="1">
          <a:off x="13703300" y="9640476"/>
          <a:ext cx="889000" cy="239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65610</xdr:rowOff>
    </xdr:from>
    <xdr:to>
      <xdr:col>76</xdr:col>
      <xdr:colOff>165100</xdr:colOff>
      <xdr:row>56</xdr:row>
      <xdr:rowOff>167210</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4541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58337</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4325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07271</xdr:rowOff>
    </xdr:from>
    <xdr:to>
      <xdr:col>71</xdr:col>
      <xdr:colOff>177800</xdr:colOff>
      <xdr:row>57</xdr:row>
      <xdr:rowOff>12485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2814300" y="9879921"/>
          <a:ext cx="889000" cy="17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8758</xdr:rowOff>
    </xdr:from>
    <xdr:to>
      <xdr:col>72</xdr:col>
      <xdr:colOff>38100</xdr:colOff>
      <xdr:row>57</xdr:row>
      <xdr:rowOff>28908</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3652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45435</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436111" y="947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1715</xdr:rowOff>
    </xdr:from>
    <xdr:to>
      <xdr:col>67</xdr:col>
      <xdr:colOff>101600</xdr:colOff>
      <xdr:row>57</xdr:row>
      <xdr:rowOff>71865</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2763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8392</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2547111" y="951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3343</xdr:rowOff>
    </xdr:from>
    <xdr:to>
      <xdr:col>85</xdr:col>
      <xdr:colOff>177800</xdr:colOff>
      <xdr:row>56</xdr:row>
      <xdr:rowOff>83493</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6268700" y="9583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4770</xdr:rowOff>
    </xdr:from>
    <xdr:ext cx="534377" cy="259045"/>
    <xdr:sp macro="" textlink="">
      <xdr:nvSpPr>
        <xdr:cNvPr id="589" name="教育費該当値テキスト">
          <a:extLst>
            <a:ext uri="{FF2B5EF4-FFF2-40B4-BE49-F238E27FC236}">
              <a16:creationId xmlns:a16="http://schemas.microsoft.com/office/drawing/2014/main" id="{00000000-0008-0000-0700-00004D020000}"/>
            </a:ext>
          </a:extLst>
        </xdr:cNvPr>
        <xdr:cNvSpPr txBox="1"/>
      </xdr:nvSpPr>
      <xdr:spPr>
        <a:xfrm>
          <a:off x="16370300" y="9434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2</xdr:row>
      <xdr:rowOff>53010</xdr:rowOff>
    </xdr:from>
    <xdr:to>
      <xdr:col>81</xdr:col>
      <xdr:colOff>101600</xdr:colOff>
      <xdr:row>52</xdr:row>
      <xdr:rowOff>154610</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5430500" y="896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0</xdr:row>
      <xdr:rowOff>171137</xdr:rowOff>
    </xdr:from>
    <xdr:ext cx="59901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181795" y="8743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59926</xdr:rowOff>
    </xdr:from>
    <xdr:to>
      <xdr:col>76</xdr:col>
      <xdr:colOff>165100</xdr:colOff>
      <xdr:row>56</xdr:row>
      <xdr:rowOff>90076</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4541500" y="958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6603</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325111" y="9364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56471</xdr:rowOff>
    </xdr:from>
    <xdr:to>
      <xdr:col>72</xdr:col>
      <xdr:colOff>38100</xdr:colOff>
      <xdr:row>57</xdr:row>
      <xdr:rowOff>158071</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3652500" y="9829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9198</xdr:rowOff>
    </xdr:from>
    <xdr:ext cx="534377"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36111" y="9921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74054</xdr:rowOff>
    </xdr:from>
    <xdr:to>
      <xdr:col>67</xdr:col>
      <xdr:colOff>101600</xdr:colOff>
      <xdr:row>58</xdr:row>
      <xdr:rowOff>4204</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2763500" y="984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66781</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939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48844</xdr:rowOff>
    </xdr:from>
    <xdr:to>
      <xdr:col>85</xdr:col>
      <xdr:colOff>126364</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321794"/>
          <a:ext cx="1269" cy="12672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95521</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2097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52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48844</xdr:rowOff>
    </xdr:from>
    <xdr:to>
      <xdr:col>86</xdr:col>
      <xdr:colOff>25400</xdr:colOff>
      <xdr:row>71</xdr:row>
      <xdr:rowOff>148844</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321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6812</xdr:rowOff>
    </xdr:from>
    <xdr:to>
      <xdr:col>85</xdr:col>
      <xdr:colOff>1270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581362"/>
          <a:ext cx="838200" cy="7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818</xdr:rowOff>
    </xdr:from>
    <xdr:ext cx="469744"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2584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941</xdr:rowOff>
    </xdr:from>
    <xdr:to>
      <xdr:col>85</xdr:col>
      <xdr:colOff>177800</xdr:colOff>
      <xdr:row>78</xdr:row>
      <xdr:rowOff>135541</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40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63018</xdr:rowOff>
    </xdr:from>
    <xdr:to>
      <xdr:col>81</xdr:col>
      <xdr:colOff>50800</xdr:colOff>
      <xdr:row>79</xdr:row>
      <xdr:rowOff>36812</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4592300" y="13536118"/>
          <a:ext cx="889000" cy="45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7</xdr:rowOff>
    </xdr:from>
    <xdr:to>
      <xdr:col>81</xdr:col>
      <xdr:colOff>101600</xdr:colOff>
      <xdr:row>78</xdr:row>
      <xdr:rowOff>135007</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34</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46428" y="13181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63018</xdr:rowOff>
    </xdr:from>
    <xdr:to>
      <xdr:col>76</xdr:col>
      <xdr:colOff>114300</xdr:colOff>
      <xdr:row>79</xdr:row>
      <xdr:rowOff>17151</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3703300" y="13536118"/>
          <a:ext cx="889000" cy="25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5106</xdr:rowOff>
    </xdr:from>
    <xdr:to>
      <xdr:col>76</xdr:col>
      <xdr:colOff>165100</xdr:colOff>
      <xdr:row>78</xdr:row>
      <xdr:rowOff>166706</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1783</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357428" y="13213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7151</xdr:rowOff>
    </xdr:from>
    <xdr:to>
      <xdr:col>71</xdr:col>
      <xdr:colOff>1778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2814300" y="13561701"/>
          <a:ext cx="889000" cy="27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40590</xdr:rowOff>
    </xdr:from>
    <xdr:to>
      <xdr:col>72</xdr:col>
      <xdr:colOff>38100</xdr:colOff>
      <xdr:row>78</xdr:row>
      <xdr:rowOff>142190</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58717</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468428" y="13188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5718</xdr:rowOff>
    </xdr:from>
    <xdr:to>
      <xdr:col>67</xdr:col>
      <xdr:colOff>101600</xdr:colOff>
      <xdr:row>79</xdr:row>
      <xdr:rowOff>586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2395</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462</xdr:rowOff>
    </xdr:from>
    <xdr:to>
      <xdr:col>81</xdr:col>
      <xdr:colOff>101600</xdr:colOff>
      <xdr:row>79</xdr:row>
      <xdr:rowOff>87612</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53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8739</xdr:rowOff>
    </xdr:from>
    <xdr:ext cx="378565"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2017" y="1362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2218</xdr:rowOff>
    </xdr:from>
    <xdr:to>
      <xdr:col>76</xdr:col>
      <xdr:colOff>165100</xdr:colOff>
      <xdr:row>79</xdr:row>
      <xdr:rowOff>42368</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485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33495</xdr:rowOff>
    </xdr:from>
    <xdr:ext cx="469744"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357428" y="1357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7801</xdr:rowOff>
    </xdr:from>
    <xdr:to>
      <xdr:col>72</xdr:col>
      <xdr:colOff>38100</xdr:colOff>
      <xdr:row>79</xdr:row>
      <xdr:rowOff>67951</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510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59078</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468428" y="13603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3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7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id="{00000000-0008-0000-07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a:extLst>
            <a:ext uri="{FF2B5EF4-FFF2-40B4-BE49-F238E27FC236}">
              <a16:creationId xmlns:a16="http://schemas.microsoft.com/office/drawing/2014/main" id="{00000000-0008-0000-07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6857</xdr:rowOff>
    </xdr:from>
    <xdr:to>
      <xdr:col>85</xdr:col>
      <xdr:colOff>126364</xdr:colOff>
      <xdr:row>99</xdr:row>
      <xdr:rowOff>11768</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flipV="1">
          <a:off x="16317595" y="15678807"/>
          <a:ext cx="1269" cy="13065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5595</xdr:rowOff>
    </xdr:from>
    <xdr:ext cx="469744" cy="259045"/>
    <xdr:sp macro="" textlink="">
      <xdr:nvSpPr>
        <xdr:cNvPr id="679" name="公債費最小値テキスト">
          <a:extLst>
            <a:ext uri="{FF2B5EF4-FFF2-40B4-BE49-F238E27FC236}">
              <a16:creationId xmlns:a16="http://schemas.microsoft.com/office/drawing/2014/main" id="{00000000-0008-0000-0700-0000A7020000}"/>
            </a:ext>
          </a:extLst>
        </xdr:cNvPr>
        <xdr:cNvSpPr txBox="1"/>
      </xdr:nvSpPr>
      <xdr:spPr>
        <a:xfrm>
          <a:off x="16370300" y="16989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68</xdr:rowOff>
    </xdr:from>
    <xdr:to>
      <xdr:col>86</xdr:col>
      <xdr:colOff>25400</xdr:colOff>
      <xdr:row>99</xdr:row>
      <xdr:rowOff>11768</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6985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3534</xdr:rowOff>
    </xdr:from>
    <xdr:ext cx="599010" cy="259045"/>
    <xdr:sp macro="" textlink="">
      <xdr:nvSpPr>
        <xdr:cNvPr id="681" name="公債費最大値テキスト">
          <a:extLst>
            <a:ext uri="{FF2B5EF4-FFF2-40B4-BE49-F238E27FC236}">
              <a16:creationId xmlns:a16="http://schemas.microsoft.com/office/drawing/2014/main" id="{00000000-0008-0000-0700-0000A9020000}"/>
            </a:ext>
          </a:extLst>
        </xdr:cNvPr>
        <xdr:cNvSpPr txBox="1"/>
      </xdr:nvSpPr>
      <xdr:spPr>
        <a:xfrm>
          <a:off x="16370300" y="15454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5,7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6857</xdr:rowOff>
    </xdr:from>
    <xdr:to>
      <xdr:col>86</xdr:col>
      <xdr:colOff>25400</xdr:colOff>
      <xdr:row>91</xdr:row>
      <xdr:rowOff>76857</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6230600" y="15678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9701</xdr:rowOff>
    </xdr:from>
    <xdr:to>
      <xdr:col>85</xdr:col>
      <xdr:colOff>127000</xdr:colOff>
      <xdr:row>97</xdr:row>
      <xdr:rowOff>104267</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5481300" y="16710351"/>
          <a:ext cx="838200" cy="24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49857</xdr:rowOff>
    </xdr:from>
    <xdr:ext cx="534377" cy="259045"/>
    <xdr:sp macro="" textlink="">
      <xdr:nvSpPr>
        <xdr:cNvPr id="684" name="公債費平均値テキスト">
          <a:extLst>
            <a:ext uri="{FF2B5EF4-FFF2-40B4-BE49-F238E27FC236}">
              <a16:creationId xmlns:a16="http://schemas.microsoft.com/office/drawing/2014/main" id="{00000000-0008-0000-0700-0000AC020000}"/>
            </a:ext>
          </a:extLst>
        </xdr:cNvPr>
        <xdr:cNvSpPr txBox="1"/>
      </xdr:nvSpPr>
      <xdr:spPr>
        <a:xfrm>
          <a:off x="16370300" y="16337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6980</xdr:rowOff>
    </xdr:from>
    <xdr:to>
      <xdr:col>85</xdr:col>
      <xdr:colOff>177800</xdr:colOff>
      <xdr:row>96</xdr:row>
      <xdr:rowOff>128580</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6268700" y="1648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4267</xdr:rowOff>
    </xdr:from>
    <xdr:to>
      <xdr:col>81</xdr:col>
      <xdr:colOff>50800</xdr:colOff>
      <xdr:row>97</xdr:row>
      <xdr:rowOff>117030</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4592300" y="16734917"/>
          <a:ext cx="889000" cy="12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316</xdr:rowOff>
    </xdr:from>
    <xdr:to>
      <xdr:col>81</xdr:col>
      <xdr:colOff>101600</xdr:colOff>
      <xdr:row>96</xdr:row>
      <xdr:rowOff>153916</xdr:rowOff>
    </xdr:to>
    <xdr:sp macro="" textlink="">
      <xdr:nvSpPr>
        <xdr:cNvPr id="687" name="フローチャート: 判断 686">
          <a:extLst>
            <a:ext uri="{FF2B5EF4-FFF2-40B4-BE49-F238E27FC236}">
              <a16:creationId xmlns:a16="http://schemas.microsoft.com/office/drawing/2014/main" id="{00000000-0008-0000-0700-0000AF020000}"/>
            </a:ext>
          </a:extLst>
        </xdr:cNvPr>
        <xdr:cNvSpPr/>
      </xdr:nvSpPr>
      <xdr:spPr>
        <a:xfrm>
          <a:off x="15430500" y="16511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0443</xdr:rowOff>
    </xdr:from>
    <xdr:ext cx="534377"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5214111" y="16286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7030</xdr:rowOff>
    </xdr:from>
    <xdr:to>
      <xdr:col>76</xdr:col>
      <xdr:colOff>114300</xdr:colOff>
      <xdr:row>97</xdr:row>
      <xdr:rowOff>1477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3703300" y="16747680"/>
          <a:ext cx="8890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66810</xdr:rowOff>
    </xdr:from>
    <xdr:to>
      <xdr:col>76</xdr:col>
      <xdr:colOff>165100</xdr:colOff>
      <xdr:row>96</xdr:row>
      <xdr:rowOff>168410</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45415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487</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4325111" y="16301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7871</xdr:rowOff>
    </xdr:from>
    <xdr:to>
      <xdr:col>71</xdr:col>
      <xdr:colOff>177800</xdr:colOff>
      <xdr:row>97</xdr:row>
      <xdr:rowOff>14774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814300" y="16768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6101</xdr:rowOff>
    </xdr:from>
    <xdr:to>
      <xdr:col>72</xdr:col>
      <xdr:colOff>38100</xdr:colOff>
      <xdr:row>97</xdr:row>
      <xdr:rowOff>26251</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3652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42778</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3436111" y="16330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9048</xdr:rowOff>
    </xdr:from>
    <xdr:to>
      <xdr:col>67</xdr:col>
      <xdr:colOff>101600</xdr:colOff>
      <xdr:row>97</xdr:row>
      <xdr:rowOff>3919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2763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5725</xdr:rowOff>
    </xdr:from>
    <xdr:ext cx="534377"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2547111" y="1634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8901</xdr:rowOff>
    </xdr:from>
    <xdr:to>
      <xdr:col>85</xdr:col>
      <xdr:colOff>177800</xdr:colOff>
      <xdr:row>97</xdr:row>
      <xdr:rowOff>130501</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6268700" y="16659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7328</xdr:rowOff>
    </xdr:from>
    <xdr:ext cx="534377" cy="259045"/>
    <xdr:sp macro="" textlink="">
      <xdr:nvSpPr>
        <xdr:cNvPr id="703" name="公債費該当値テキスト">
          <a:extLst>
            <a:ext uri="{FF2B5EF4-FFF2-40B4-BE49-F238E27FC236}">
              <a16:creationId xmlns:a16="http://schemas.microsoft.com/office/drawing/2014/main" id="{00000000-0008-0000-0700-0000BF020000}"/>
            </a:ext>
          </a:extLst>
        </xdr:cNvPr>
        <xdr:cNvSpPr txBox="1"/>
      </xdr:nvSpPr>
      <xdr:spPr>
        <a:xfrm>
          <a:off x="16370300" y="1663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3467</xdr:rowOff>
    </xdr:from>
    <xdr:to>
      <xdr:col>81</xdr:col>
      <xdr:colOff>101600</xdr:colOff>
      <xdr:row>97</xdr:row>
      <xdr:rowOff>155067</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5430500" y="16684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6194</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14111" y="16776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6230</xdr:rowOff>
    </xdr:from>
    <xdr:to>
      <xdr:col>76</xdr:col>
      <xdr:colOff>165100</xdr:colOff>
      <xdr:row>97</xdr:row>
      <xdr:rowOff>167830</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4541500" y="1669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58957</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25111" y="1678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6940</xdr:rowOff>
    </xdr:from>
    <xdr:to>
      <xdr:col>72</xdr:col>
      <xdr:colOff>38100</xdr:colOff>
      <xdr:row>98</xdr:row>
      <xdr:rowOff>27090</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3652500" y="167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8217</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3436111" y="1682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7071</xdr:rowOff>
    </xdr:from>
    <xdr:to>
      <xdr:col>67</xdr:col>
      <xdr:colOff>101600</xdr:colOff>
      <xdr:row>98</xdr:row>
      <xdr:rowOff>17221</xdr:rowOff>
    </xdr:to>
    <xdr:sp macro="" textlink="">
      <xdr:nvSpPr>
        <xdr:cNvPr id="710" name="楕円 709">
          <a:extLst>
            <a:ext uri="{FF2B5EF4-FFF2-40B4-BE49-F238E27FC236}">
              <a16:creationId xmlns:a16="http://schemas.microsoft.com/office/drawing/2014/main" id="{00000000-0008-0000-0700-0000C6020000}"/>
            </a:ext>
          </a:extLst>
        </xdr:cNvPr>
        <xdr:cNvSpPr/>
      </xdr:nvSpPr>
      <xdr:spPr>
        <a:xfrm>
          <a:off x="12763500" y="1671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8348</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2547111" y="16810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7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5702</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299202"/>
          <a:ext cx="1269" cy="1431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1071</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737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2379</xdr:rowOff>
    </xdr:from>
    <xdr:ext cx="469744"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074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5702</xdr:rowOff>
    </xdr:from>
    <xdr:to>
      <xdr:col>116</xdr:col>
      <xdr:colOff>152400</xdr:colOff>
      <xdr:row>30</xdr:row>
      <xdr:rowOff>155702</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299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9971</xdr:rowOff>
    </xdr:from>
    <xdr:ext cx="313932"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48362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7094</xdr:rowOff>
    </xdr:from>
    <xdr:to>
      <xdr:col>116</xdr:col>
      <xdr:colOff>114300</xdr:colOff>
      <xdr:row>39</xdr:row>
      <xdr:rowOff>47244</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7470</xdr:rowOff>
    </xdr:from>
    <xdr:to>
      <xdr:col>112</xdr:col>
      <xdr:colOff>38100</xdr:colOff>
      <xdr:row>39</xdr:row>
      <xdr:rowOff>762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592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24147</xdr:rowOff>
    </xdr:from>
    <xdr:ext cx="378565"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34017" y="63677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1572</xdr:rowOff>
    </xdr:from>
    <xdr:to>
      <xdr:col>107</xdr:col>
      <xdr:colOff>101600</xdr:colOff>
      <xdr:row>39</xdr:row>
      <xdr:rowOff>61722</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64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78249</xdr:rowOff>
    </xdr:from>
    <xdr:ext cx="313932"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77333" y="64218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1844</xdr:rowOff>
    </xdr:from>
    <xdr:to>
      <xdr:col>102</xdr:col>
      <xdr:colOff>165100</xdr:colOff>
      <xdr:row>36</xdr:row>
      <xdr:rowOff>123444</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19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39971</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59692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614</xdr:rowOff>
    </xdr:from>
    <xdr:to>
      <xdr:col>98</xdr:col>
      <xdr:colOff>38100</xdr:colOff>
      <xdr:row>39</xdr:row>
      <xdr:rowOff>16764</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0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33291</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37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5521</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1062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議会費、労働費及び教育費を除く項目で類似団体平均と比較して低い状況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特徴としては、公共施設の老朽化が進んでいるため、建替等の更新整備等に向けて公共施設等整備基金積立をしたことにより総務費が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松田小学校新校舎建設事業完了により教育費が減少したが、松田小学校校舎解体や松田小学校太陽光発電設備整備工事に伴い類似団体内平均よりも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近年は、大型公共施設整備事業に係る公債費が増加傾向にあるため、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財政調整基金は令和２年度から継続して積立てをしているため、増加している。実質収支額は公債費、物件費及び扶助費の歳出が増となったため、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4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減少となったが、継続的に黒字を確保している。実質単年度収支は、令和４年度の単年度収支が減となったため、減少している。</a:t>
          </a:r>
          <a:endPar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連結実質赤字比率において、過去赤字額が算出されたことはなく、常に黒字で推移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令和４年度の黒字額の標準財政規模比を見ると一般会計では、対前年度比</a:t>
          </a:r>
          <a:r>
            <a:rPr kumimoji="1" lang="en-US" altLang="ja-JP"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3.45</a:t>
          </a:r>
          <a:r>
            <a:rPr kumimoji="1" lang="ja-JP" altLang="en-US" sz="1400" b="0" i="0" u="none" strike="noStrike" kern="0" cap="none" spc="0" normalizeH="0" baseline="0" noProof="0">
              <a:ln>
                <a:noFill/>
              </a:ln>
              <a:solidFill>
                <a:sysClr val="windowText" lastClr="000000"/>
              </a:solidFill>
              <a:effectLst/>
              <a:uLnTx/>
              <a:uFillTx/>
              <a:latin typeface="ＭＳ ゴシック" pitchFamily="49" charset="-128"/>
              <a:ea typeface="ＭＳ ゴシック" pitchFamily="49" charset="-128"/>
              <a:cs typeface="+mn-cs"/>
            </a:rPr>
            <a:t>ポイントの減となっている。その要因は、公債費、物件費及び扶助費の歳出が増となったことによるところが大き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2</v>
      </c>
      <c r="C2" s="182"/>
      <c r="D2" s="183"/>
    </row>
    <row r="3" spans="1:119" ht="18.75" customHeight="1" thickBot="1" x14ac:dyDescent="0.25">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5733697</v>
      </c>
      <c r="BO4" s="449"/>
      <c r="BP4" s="449"/>
      <c r="BQ4" s="449"/>
      <c r="BR4" s="449"/>
      <c r="BS4" s="449"/>
      <c r="BT4" s="449"/>
      <c r="BU4" s="450"/>
      <c r="BV4" s="448">
        <v>7143485</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12</v>
      </c>
      <c r="CU4" s="589"/>
      <c r="CV4" s="589"/>
      <c r="CW4" s="589"/>
      <c r="CX4" s="589"/>
      <c r="CY4" s="589"/>
      <c r="CZ4" s="589"/>
      <c r="DA4" s="590"/>
      <c r="DB4" s="588">
        <v>15.4</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5265852</v>
      </c>
      <c r="BO5" s="420"/>
      <c r="BP5" s="420"/>
      <c r="BQ5" s="420"/>
      <c r="BR5" s="420"/>
      <c r="BS5" s="420"/>
      <c r="BT5" s="420"/>
      <c r="BU5" s="421"/>
      <c r="BV5" s="419">
        <v>6617507</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86.7</v>
      </c>
      <c r="CU5" s="417"/>
      <c r="CV5" s="417"/>
      <c r="CW5" s="417"/>
      <c r="CX5" s="417"/>
      <c r="CY5" s="417"/>
      <c r="CZ5" s="417"/>
      <c r="DA5" s="418"/>
      <c r="DB5" s="416">
        <v>81.3</v>
      </c>
      <c r="DC5" s="417"/>
      <c r="DD5" s="417"/>
      <c r="DE5" s="417"/>
      <c r="DF5" s="417"/>
      <c r="DG5" s="417"/>
      <c r="DH5" s="417"/>
      <c r="DI5" s="418"/>
    </row>
    <row r="6" spans="1:119" ht="18.75" customHeight="1" x14ac:dyDescent="0.2">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95</v>
      </c>
      <c r="AV6" s="478"/>
      <c r="AW6" s="478"/>
      <c r="AX6" s="478"/>
      <c r="AY6" s="433" t="s">
        <v>103</v>
      </c>
      <c r="AZ6" s="434"/>
      <c r="BA6" s="434"/>
      <c r="BB6" s="434"/>
      <c r="BC6" s="434"/>
      <c r="BD6" s="434"/>
      <c r="BE6" s="434"/>
      <c r="BF6" s="434"/>
      <c r="BG6" s="434"/>
      <c r="BH6" s="434"/>
      <c r="BI6" s="434"/>
      <c r="BJ6" s="434"/>
      <c r="BK6" s="434"/>
      <c r="BL6" s="434"/>
      <c r="BM6" s="435"/>
      <c r="BN6" s="419">
        <v>467845</v>
      </c>
      <c r="BO6" s="420"/>
      <c r="BP6" s="420"/>
      <c r="BQ6" s="420"/>
      <c r="BR6" s="420"/>
      <c r="BS6" s="420"/>
      <c r="BT6" s="420"/>
      <c r="BU6" s="421"/>
      <c r="BV6" s="419">
        <v>525978</v>
      </c>
      <c r="BW6" s="420"/>
      <c r="BX6" s="420"/>
      <c r="BY6" s="420"/>
      <c r="BZ6" s="420"/>
      <c r="CA6" s="420"/>
      <c r="CB6" s="420"/>
      <c r="CC6" s="421"/>
      <c r="CD6" s="459" t="s">
        <v>104</v>
      </c>
      <c r="CE6" s="379"/>
      <c r="CF6" s="379"/>
      <c r="CG6" s="379"/>
      <c r="CH6" s="379"/>
      <c r="CI6" s="379"/>
      <c r="CJ6" s="379"/>
      <c r="CK6" s="379"/>
      <c r="CL6" s="379"/>
      <c r="CM6" s="379"/>
      <c r="CN6" s="379"/>
      <c r="CO6" s="379"/>
      <c r="CP6" s="379"/>
      <c r="CQ6" s="379"/>
      <c r="CR6" s="379"/>
      <c r="CS6" s="460"/>
      <c r="CT6" s="562">
        <v>88.5</v>
      </c>
      <c r="CU6" s="563"/>
      <c r="CV6" s="563"/>
      <c r="CW6" s="563"/>
      <c r="CX6" s="563"/>
      <c r="CY6" s="563"/>
      <c r="CZ6" s="563"/>
      <c r="DA6" s="564"/>
      <c r="DB6" s="562">
        <v>85.7</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5</v>
      </c>
      <c r="AN7" s="376"/>
      <c r="AO7" s="376"/>
      <c r="AP7" s="376"/>
      <c r="AQ7" s="376"/>
      <c r="AR7" s="376"/>
      <c r="AS7" s="376"/>
      <c r="AT7" s="377"/>
      <c r="AU7" s="477" t="s">
        <v>106</v>
      </c>
      <c r="AV7" s="478"/>
      <c r="AW7" s="478"/>
      <c r="AX7" s="478"/>
      <c r="AY7" s="433" t="s">
        <v>107</v>
      </c>
      <c r="AZ7" s="434"/>
      <c r="BA7" s="434"/>
      <c r="BB7" s="434"/>
      <c r="BC7" s="434"/>
      <c r="BD7" s="434"/>
      <c r="BE7" s="434"/>
      <c r="BF7" s="434"/>
      <c r="BG7" s="434"/>
      <c r="BH7" s="434"/>
      <c r="BI7" s="434"/>
      <c r="BJ7" s="434"/>
      <c r="BK7" s="434"/>
      <c r="BL7" s="434"/>
      <c r="BM7" s="435"/>
      <c r="BN7" s="419">
        <v>82668</v>
      </c>
      <c r="BO7" s="420"/>
      <c r="BP7" s="420"/>
      <c r="BQ7" s="420"/>
      <c r="BR7" s="420"/>
      <c r="BS7" s="420"/>
      <c r="BT7" s="420"/>
      <c r="BU7" s="421"/>
      <c r="BV7" s="419">
        <v>20994</v>
      </c>
      <c r="BW7" s="420"/>
      <c r="BX7" s="420"/>
      <c r="BY7" s="420"/>
      <c r="BZ7" s="420"/>
      <c r="CA7" s="420"/>
      <c r="CB7" s="420"/>
      <c r="CC7" s="421"/>
      <c r="CD7" s="459" t="s">
        <v>108</v>
      </c>
      <c r="CE7" s="379"/>
      <c r="CF7" s="379"/>
      <c r="CG7" s="379"/>
      <c r="CH7" s="379"/>
      <c r="CI7" s="379"/>
      <c r="CJ7" s="379"/>
      <c r="CK7" s="379"/>
      <c r="CL7" s="379"/>
      <c r="CM7" s="379"/>
      <c r="CN7" s="379"/>
      <c r="CO7" s="379"/>
      <c r="CP7" s="379"/>
      <c r="CQ7" s="379"/>
      <c r="CR7" s="379"/>
      <c r="CS7" s="460"/>
      <c r="CT7" s="419">
        <v>3212368</v>
      </c>
      <c r="CU7" s="420"/>
      <c r="CV7" s="420"/>
      <c r="CW7" s="420"/>
      <c r="CX7" s="420"/>
      <c r="CY7" s="420"/>
      <c r="CZ7" s="420"/>
      <c r="DA7" s="421"/>
      <c r="DB7" s="419">
        <v>3270895</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9</v>
      </c>
      <c r="AN8" s="376"/>
      <c r="AO8" s="376"/>
      <c r="AP8" s="376"/>
      <c r="AQ8" s="376"/>
      <c r="AR8" s="376"/>
      <c r="AS8" s="376"/>
      <c r="AT8" s="377"/>
      <c r="AU8" s="477" t="s">
        <v>95</v>
      </c>
      <c r="AV8" s="478"/>
      <c r="AW8" s="478"/>
      <c r="AX8" s="478"/>
      <c r="AY8" s="433" t="s">
        <v>110</v>
      </c>
      <c r="AZ8" s="434"/>
      <c r="BA8" s="434"/>
      <c r="BB8" s="434"/>
      <c r="BC8" s="434"/>
      <c r="BD8" s="434"/>
      <c r="BE8" s="434"/>
      <c r="BF8" s="434"/>
      <c r="BG8" s="434"/>
      <c r="BH8" s="434"/>
      <c r="BI8" s="434"/>
      <c r="BJ8" s="434"/>
      <c r="BK8" s="434"/>
      <c r="BL8" s="434"/>
      <c r="BM8" s="435"/>
      <c r="BN8" s="419">
        <v>385177</v>
      </c>
      <c r="BO8" s="420"/>
      <c r="BP8" s="420"/>
      <c r="BQ8" s="420"/>
      <c r="BR8" s="420"/>
      <c r="BS8" s="420"/>
      <c r="BT8" s="420"/>
      <c r="BU8" s="421"/>
      <c r="BV8" s="419">
        <v>504984</v>
      </c>
      <c r="BW8" s="420"/>
      <c r="BX8" s="420"/>
      <c r="BY8" s="420"/>
      <c r="BZ8" s="420"/>
      <c r="CA8" s="420"/>
      <c r="CB8" s="420"/>
      <c r="CC8" s="421"/>
      <c r="CD8" s="459" t="s">
        <v>111</v>
      </c>
      <c r="CE8" s="379"/>
      <c r="CF8" s="379"/>
      <c r="CG8" s="379"/>
      <c r="CH8" s="379"/>
      <c r="CI8" s="379"/>
      <c r="CJ8" s="379"/>
      <c r="CK8" s="379"/>
      <c r="CL8" s="379"/>
      <c r="CM8" s="379"/>
      <c r="CN8" s="379"/>
      <c r="CO8" s="379"/>
      <c r="CP8" s="379"/>
      <c r="CQ8" s="379"/>
      <c r="CR8" s="379"/>
      <c r="CS8" s="460"/>
      <c r="CT8" s="522">
        <v>0.57999999999999996</v>
      </c>
      <c r="CU8" s="523"/>
      <c r="CV8" s="523"/>
      <c r="CW8" s="523"/>
      <c r="CX8" s="523"/>
      <c r="CY8" s="523"/>
      <c r="CZ8" s="523"/>
      <c r="DA8" s="524"/>
      <c r="DB8" s="522">
        <v>0.61</v>
      </c>
      <c r="DC8" s="523"/>
      <c r="DD8" s="523"/>
      <c r="DE8" s="523"/>
      <c r="DF8" s="523"/>
      <c r="DG8" s="523"/>
      <c r="DH8" s="523"/>
      <c r="DI8" s="524"/>
    </row>
    <row r="9" spans="1:119" ht="18.75" customHeight="1" thickBot="1" x14ac:dyDescent="0.25">
      <c r="A9" s="181"/>
      <c r="B9" s="551" t="s">
        <v>112</v>
      </c>
      <c r="C9" s="552"/>
      <c r="D9" s="552"/>
      <c r="E9" s="552"/>
      <c r="F9" s="552"/>
      <c r="G9" s="552"/>
      <c r="H9" s="552"/>
      <c r="I9" s="552"/>
      <c r="J9" s="552"/>
      <c r="K9" s="470"/>
      <c r="L9" s="553" t="s">
        <v>113</v>
      </c>
      <c r="M9" s="554"/>
      <c r="N9" s="554"/>
      <c r="O9" s="554"/>
      <c r="P9" s="554"/>
      <c r="Q9" s="555"/>
      <c r="R9" s="556">
        <v>10836</v>
      </c>
      <c r="S9" s="557"/>
      <c r="T9" s="557"/>
      <c r="U9" s="557"/>
      <c r="V9" s="558"/>
      <c r="W9" s="488" t="s">
        <v>114</v>
      </c>
      <c r="X9" s="489"/>
      <c r="Y9" s="489"/>
      <c r="Z9" s="489"/>
      <c r="AA9" s="489"/>
      <c r="AB9" s="489"/>
      <c r="AC9" s="489"/>
      <c r="AD9" s="489"/>
      <c r="AE9" s="489"/>
      <c r="AF9" s="489"/>
      <c r="AG9" s="489"/>
      <c r="AH9" s="489"/>
      <c r="AI9" s="489"/>
      <c r="AJ9" s="489"/>
      <c r="AK9" s="489"/>
      <c r="AL9" s="559"/>
      <c r="AM9" s="476" t="s">
        <v>115</v>
      </c>
      <c r="AN9" s="376"/>
      <c r="AO9" s="376"/>
      <c r="AP9" s="376"/>
      <c r="AQ9" s="376"/>
      <c r="AR9" s="376"/>
      <c r="AS9" s="376"/>
      <c r="AT9" s="377"/>
      <c r="AU9" s="477" t="s">
        <v>116</v>
      </c>
      <c r="AV9" s="478"/>
      <c r="AW9" s="478"/>
      <c r="AX9" s="478"/>
      <c r="AY9" s="433" t="s">
        <v>117</v>
      </c>
      <c r="AZ9" s="434"/>
      <c r="BA9" s="434"/>
      <c r="BB9" s="434"/>
      <c r="BC9" s="434"/>
      <c r="BD9" s="434"/>
      <c r="BE9" s="434"/>
      <c r="BF9" s="434"/>
      <c r="BG9" s="434"/>
      <c r="BH9" s="434"/>
      <c r="BI9" s="434"/>
      <c r="BJ9" s="434"/>
      <c r="BK9" s="434"/>
      <c r="BL9" s="434"/>
      <c r="BM9" s="435"/>
      <c r="BN9" s="419">
        <v>-119807</v>
      </c>
      <c r="BO9" s="420"/>
      <c r="BP9" s="420"/>
      <c r="BQ9" s="420"/>
      <c r="BR9" s="420"/>
      <c r="BS9" s="420"/>
      <c r="BT9" s="420"/>
      <c r="BU9" s="421"/>
      <c r="BV9" s="419">
        <v>133403</v>
      </c>
      <c r="BW9" s="420"/>
      <c r="BX9" s="420"/>
      <c r="BY9" s="420"/>
      <c r="BZ9" s="420"/>
      <c r="CA9" s="420"/>
      <c r="CB9" s="420"/>
      <c r="CC9" s="421"/>
      <c r="CD9" s="459" t="s">
        <v>118</v>
      </c>
      <c r="CE9" s="379"/>
      <c r="CF9" s="379"/>
      <c r="CG9" s="379"/>
      <c r="CH9" s="379"/>
      <c r="CI9" s="379"/>
      <c r="CJ9" s="379"/>
      <c r="CK9" s="379"/>
      <c r="CL9" s="379"/>
      <c r="CM9" s="379"/>
      <c r="CN9" s="379"/>
      <c r="CO9" s="379"/>
      <c r="CP9" s="379"/>
      <c r="CQ9" s="379"/>
      <c r="CR9" s="379"/>
      <c r="CS9" s="460"/>
      <c r="CT9" s="416">
        <v>10.8</v>
      </c>
      <c r="CU9" s="417"/>
      <c r="CV9" s="417"/>
      <c r="CW9" s="417"/>
      <c r="CX9" s="417"/>
      <c r="CY9" s="417"/>
      <c r="CZ9" s="417"/>
      <c r="DA9" s="418"/>
      <c r="DB9" s="416">
        <v>10.1</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19</v>
      </c>
      <c r="M10" s="376"/>
      <c r="N10" s="376"/>
      <c r="O10" s="376"/>
      <c r="P10" s="376"/>
      <c r="Q10" s="377"/>
      <c r="R10" s="372">
        <v>11171</v>
      </c>
      <c r="S10" s="373"/>
      <c r="T10" s="373"/>
      <c r="U10" s="373"/>
      <c r="V10" s="432"/>
      <c r="W10" s="560"/>
      <c r="X10" s="370"/>
      <c r="Y10" s="370"/>
      <c r="Z10" s="370"/>
      <c r="AA10" s="370"/>
      <c r="AB10" s="370"/>
      <c r="AC10" s="370"/>
      <c r="AD10" s="370"/>
      <c r="AE10" s="370"/>
      <c r="AF10" s="370"/>
      <c r="AG10" s="370"/>
      <c r="AH10" s="370"/>
      <c r="AI10" s="370"/>
      <c r="AJ10" s="370"/>
      <c r="AK10" s="370"/>
      <c r="AL10" s="561"/>
      <c r="AM10" s="476" t="s">
        <v>120</v>
      </c>
      <c r="AN10" s="376"/>
      <c r="AO10" s="376"/>
      <c r="AP10" s="376"/>
      <c r="AQ10" s="376"/>
      <c r="AR10" s="376"/>
      <c r="AS10" s="376"/>
      <c r="AT10" s="377"/>
      <c r="AU10" s="477" t="s">
        <v>121</v>
      </c>
      <c r="AV10" s="478"/>
      <c r="AW10" s="478"/>
      <c r="AX10" s="478"/>
      <c r="AY10" s="433" t="s">
        <v>122</v>
      </c>
      <c r="AZ10" s="434"/>
      <c r="BA10" s="434"/>
      <c r="BB10" s="434"/>
      <c r="BC10" s="434"/>
      <c r="BD10" s="434"/>
      <c r="BE10" s="434"/>
      <c r="BF10" s="434"/>
      <c r="BG10" s="434"/>
      <c r="BH10" s="434"/>
      <c r="BI10" s="434"/>
      <c r="BJ10" s="434"/>
      <c r="BK10" s="434"/>
      <c r="BL10" s="434"/>
      <c r="BM10" s="435"/>
      <c r="BN10" s="419">
        <v>100013</v>
      </c>
      <c r="BO10" s="420"/>
      <c r="BP10" s="420"/>
      <c r="BQ10" s="420"/>
      <c r="BR10" s="420"/>
      <c r="BS10" s="420"/>
      <c r="BT10" s="420"/>
      <c r="BU10" s="421"/>
      <c r="BV10" s="419">
        <v>225040</v>
      </c>
      <c r="BW10" s="420"/>
      <c r="BX10" s="420"/>
      <c r="BY10" s="420"/>
      <c r="BZ10" s="420"/>
      <c r="CA10" s="420"/>
      <c r="CB10" s="420"/>
      <c r="CC10" s="421"/>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4</v>
      </c>
      <c r="M11" s="381"/>
      <c r="N11" s="381"/>
      <c r="O11" s="381"/>
      <c r="P11" s="381"/>
      <c r="Q11" s="382"/>
      <c r="R11" s="548" t="s">
        <v>125</v>
      </c>
      <c r="S11" s="549"/>
      <c r="T11" s="549"/>
      <c r="U11" s="549"/>
      <c r="V11" s="550"/>
      <c r="W11" s="560"/>
      <c r="X11" s="370"/>
      <c r="Y11" s="370"/>
      <c r="Z11" s="370"/>
      <c r="AA11" s="370"/>
      <c r="AB11" s="370"/>
      <c r="AC11" s="370"/>
      <c r="AD11" s="370"/>
      <c r="AE11" s="370"/>
      <c r="AF11" s="370"/>
      <c r="AG11" s="370"/>
      <c r="AH11" s="370"/>
      <c r="AI11" s="370"/>
      <c r="AJ11" s="370"/>
      <c r="AK11" s="370"/>
      <c r="AL11" s="561"/>
      <c r="AM11" s="476" t="s">
        <v>126</v>
      </c>
      <c r="AN11" s="376"/>
      <c r="AO11" s="376"/>
      <c r="AP11" s="376"/>
      <c r="AQ11" s="376"/>
      <c r="AR11" s="376"/>
      <c r="AS11" s="376"/>
      <c r="AT11" s="377"/>
      <c r="AU11" s="477" t="s">
        <v>95</v>
      </c>
      <c r="AV11" s="478"/>
      <c r="AW11" s="478"/>
      <c r="AX11" s="478"/>
      <c r="AY11" s="433" t="s">
        <v>127</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8</v>
      </c>
      <c r="CE11" s="379"/>
      <c r="CF11" s="379"/>
      <c r="CG11" s="379"/>
      <c r="CH11" s="379"/>
      <c r="CI11" s="379"/>
      <c r="CJ11" s="379"/>
      <c r="CK11" s="379"/>
      <c r="CL11" s="379"/>
      <c r="CM11" s="379"/>
      <c r="CN11" s="379"/>
      <c r="CO11" s="379"/>
      <c r="CP11" s="379"/>
      <c r="CQ11" s="379"/>
      <c r="CR11" s="379"/>
      <c r="CS11" s="460"/>
      <c r="CT11" s="522" t="s">
        <v>129</v>
      </c>
      <c r="CU11" s="523"/>
      <c r="CV11" s="523"/>
      <c r="CW11" s="523"/>
      <c r="CX11" s="523"/>
      <c r="CY11" s="523"/>
      <c r="CZ11" s="523"/>
      <c r="DA11" s="524"/>
      <c r="DB11" s="522" t="s">
        <v>130</v>
      </c>
      <c r="DC11" s="523"/>
      <c r="DD11" s="523"/>
      <c r="DE11" s="523"/>
      <c r="DF11" s="523"/>
      <c r="DG11" s="523"/>
      <c r="DH11" s="523"/>
      <c r="DI11" s="524"/>
    </row>
    <row r="12" spans="1:119" ht="18.75" customHeight="1" x14ac:dyDescent="0.2">
      <c r="A12" s="181"/>
      <c r="B12" s="525" t="s">
        <v>131</v>
      </c>
      <c r="C12" s="526"/>
      <c r="D12" s="526"/>
      <c r="E12" s="526"/>
      <c r="F12" s="526"/>
      <c r="G12" s="526"/>
      <c r="H12" s="526"/>
      <c r="I12" s="526"/>
      <c r="J12" s="526"/>
      <c r="K12" s="527"/>
      <c r="L12" s="534" t="s">
        <v>132</v>
      </c>
      <c r="M12" s="535"/>
      <c r="N12" s="535"/>
      <c r="O12" s="535"/>
      <c r="P12" s="535"/>
      <c r="Q12" s="536"/>
      <c r="R12" s="537">
        <v>10616</v>
      </c>
      <c r="S12" s="538"/>
      <c r="T12" s="538"/>
      <c r="U12" s="538"/>
      <c r="V12" s="539"/>
      <c r="W12" s="540" t="s">
        <v>1</v>
      </c>
      <c r="X12" s="478"/>
      <c r="Y12" s="478"/>
      <c r="Z12" s="478"/>
      <c r="AA12" s="478"/>
      <c r="AB12" s="541"/>
      <c r="AC12" s="542" t="s">
        <v>133</v>
      </c>
      <c r="AD12" s="543"/>
      <c r="AE12" s="543"/>
      <c r="AF12" s="543"/>
      <c r="AG12" s="544"/>
      <c r="AH12" s="542" t="s">
        <v>134</v>
      </c>
      <c r="AI12" s="543"/>
      <c r="AJ12" s="543"/>
      <c r="AK12" s="543"/>
      <c r="AL12" s="545"/>
      <c r="AM12" s="476" t="s">
        <v>135</v>
      </c>
      <c r="AN12" s="376"/>
      <c r="AO12" s="376"/>
      <c r="AP12" s="376"/>
      <c r="AQ12" s="376"/>
      <c r="AR12" s="376"/>
      <c r="AS12" s="376"/>
      <c r="AT12" s="377"/>
      <c r="AU12" s="477" t="s">
        <v>95</v>
      </c>
      <c r="AV12" s="478"/>
      <c r="AW12" s="478"/>
      <c r="AX12" s="478"/>
      <c r="AY12" s="433" t="s">
        <v>136</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7</v>
      </c>
      <c r="CE12" s="379"/>
      <c r="CF12" s="379"/>
      <c r="CG12" s="379"/>
      <c r="CH12" s="379"/>
      <c r="CI12" s="379"/>
      <c r="CJ12" s="379"/>
      <c r="CK12" s="379"/>
      <c r="CL12" s="379"/>
      <c r="CM12" s="379"/>
      <c r="CN12" s="379"/>
      <c r="CO12" s="379"/>
      <c r="CP12" s="379"/>
      <c r="CQ12" s="379"/>
      <c r="CR12" s="379"/>
      <c r="CS12" s="460"/>
      <c r="CT12" s="522" t="s">
        <v>138</v>
      </c>
      <c r="CU12" s="523"/>
      <c r="CV12" s="523"/>
      <c r="CW12" s="523"/>
      <c r="CX12" s="523"/>
      <c r="CY12" s="523"/>
      <c r="CZ12" s="523"/>
      <c r="DA12" s="524"/>
      <c r="DB12" s="522" t="s">
        <v>129</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39</v>
      </c>
      <c r="N13" s="504"/>
      <c r="O13" s="504"/>
      <c r="P13" s="504"/>
      <c r="Q13" s="505"/>
      <c r="R13" s="506">
        <v>10480</v>
      </c>
      <c r="S13" s="507"/>
      <c r="T13" s="507"/>
      <c r="U13" s="507"/>
      <c r="V13" s="508"/>
      <c r="W13" s="509" t="s">
        <v>140</v>
      </c>
      <c r="X13" s="405"/>
      <c r="Y13" s="405"/>
      <c r="Z13" s="405"/>
      <c r="AA13" s="405"/>
      <c r="AB13" s="406"/>
      <c r="AC13" s="372">
        <v>131</v>
      </c>
      <c r="AD13" s="373"/>
      <c r="AE13" s="373"/>
      <c r="AF13" s="373"/>
      <c r="AG13" s="374"/>
      <c r="AH13" s="372">
        <v>157</v>
      </c>
      <c r="AI13" s="373"/>
      <c r="AJ13" s="373"/>
      <c r="AK13" s="373"/>
      <c r="AL13" s="432"/>
      <c r="AM13" s="476" t="s">
        <v>141</v>
      </c>
      <c r="AN13" s="376"/>
      <c r="AO13" s="376"/>
      <c r="AP13" s="376"/>
      <c r="AQ13" s="376"/>
      <c r="AR13" s="376"/>
      <c r="AS13" s="376"/>
      <c r="AT13" s="377"/>
      <c r="AU13" s="477" t="s">
        <v>142</v>
      </c>
      <c r="AV13" s="478"/>
      <c r="AW13" s="478"/>
      <c r="AX13" s="478"/>
      <c r="AY13" s="433" t="s">
        <v>143</v>
      </c>
      <c r="AZ13" s="434"/>
      <c r="BA13" s="434"/>
      <c r="BB13" s="434"/>
      <c r="BC13" s="434"/>
      <c r="BD13" s="434"/>
      <c r="BE13" s="434"/>
      <c r="BF13" s="434"/>
      <c r="BG13" s="434"/>
      <c r="BH13" s="434"/>
      <c r="BI13" s="434"/>
      <c r="BJ13" s="434"/>
      <c r="BK13" s="434"/>
      <c r="BL13" s="434"/>
      <c r="BM13" s="435"/>
      <c r="BN13" s="419">
        <v>-19794</v>
      </c>
      <c r="BO13" s="420"/>
      <c r="BP13" s="420"/>
      <c r="BQ13" s="420"/>
      <c r="BR13" s="420"/>
      <c r="BS13" s="420"/>
      <c r="BT13" s="420"/>
      <c r="BU13" s="421"/>
      <c r="BV13" s="419">
        <v>358443</v>
      </c>
      <c r="BW13" s="420"/>
      <c r="BX13" s="420"/>
      <c r="BY13" s="420"/>
      <c r="BZ13" s="420"/>
      <c r="CA13" s="420"/>
      <c r="CB13" s="420"/>
      <c r="CC13" s="421"/>
      <c r="CD13" s="459" t="s">
        <v>144</v>
      </c>
      <c r="CE13" s="379"/>
      <c r="CF13" s="379"/>
      <c r="CG13" s="379"/>
      <c r="CH13" s="379"/>
      <c r="CI13" s="379"/>
      <c r="CJ13" s="379"/>
      <c r="CK13" s="379"/>
      <c r="CL13" s="379"/>
      <c r="CM13" s="379"/>
      <c r="CN13" s="379"/>
      <c r="CO13" s="379"/>
      <c r="CP13" s="379"/>
      <c r="CQ13" s="379"/>
      <c r="CR13" s="379"/>
      <c r="CS13" s="460"/>
      <c r="CT13" s="416">
        <v>6.1</v>
      </c>
      <c r="CU13" s="417"/>
      <c r="CV13" s="417"/>
      <c r="CW13" s="417"/>
      <c r="CX13" s="417"/>
      <c r="CY13" s="417"/>
      <c r="CZ13" s="417"/>
      <c r="DA13" s="418"/>
      <c r="DB13" s="416">
        <v>5.7</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5</v>
      </c>
      <c r="M14" s="546"/>
      <c r="N14" s="546"/>
      <c r="O14" s="546"/>
      <c r="P14" s="546"/>
      <c r="Q14" s="547"/>
      <c r="R14" s="506">
        <v>10756</v>
      </c>
      <c r="S14" s="507"/>
      <c r="T14" s="507"/>
      <c r="U14" s="507"/>
      <c r="V14" s="508"/>
      <c r="W14" s="510"/>
      <c r="X14" s="408"/>
      <c r="Y14" s="408"/>
      <c r="Z14" s="408"/>
      <c r="AA14" s="408"/>
      <c r="AB14" s="409"/>
      <c r="AC14" s="499">
        <v>2.6</v>
      </c>
      <c r="AD14" s="500"/>
      <c r="AE14" s="500"/>
      <c r="AF14" s="500"/>
      <c r="AG14" s="501"/>
      <c r="AH14" s="499">
        <v>3</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6</v>
      </c>
      <c r="CE14" s="457"/>
      <c r="CF14" s="457"/>
      <c r="CG14" s="457"/>
      <c r="CH14" s="457"/>
      <c r="CI14" s="457"/>
      <c r="CJ14" s="457"/>
      <c r="CK14" s="457"/>
      <c r="CL14" s="457"/>
      <c r="CM14" s="457"/>
      <c r="CN14" s="457"/>
      <c r="CO14" s="457"/>
      <c r="CP14" s="457"/>
      <c r="CQ14" s="457"/>
      <c r="CR14" s="457"/>
      <c r="CS14" s="458"/>
      <c r="CT14" s="516">
        <v>16.3</v>
      </c>
      <c r="CU14" s="517"/>
      <c r="CV14" s="517"/>
      <c r="CW14" s="517"/>
      <c r="CX14" s="517"/>
      <c r="CY14" s="517"/>
      <c r="CZ14" s="517"/>
      <c r="DA14" s="518"/>
      <c r="DB14" s="516">
        <v>33.9</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39</v>
      </c>
      <c r="N15" s="504"/>
      <c r="O15" s="504"/>
      <c r="P15" s="504"/>
      <c r="Q15" s="505"/>
      <c r="R15" s="506">
        <v>10671</v>
      </c>
      <c r="S15" s="507"/>
      <c r="T15" s="507"/>
      <c r="U15" s="507"/>
      <c r="V15" s="508"/>
      <c r="W15" s="509" t="s">
        <v>147</v>
      </c>
      <c r="X15" s="405"/>
      <c r="Y15" s="405"/>
      <c r="Z15" s="405"/>
      <c r="AA15" s="405"/>
      <c r="AB15" s="406"/>
      <c r="AC15" s="372">
        <v>1257</v>
      </c>
      <c r="AD15" s="373"/>
      <c r="AE15" s="373"/>
      <c r="AF15" s="373"/>
      <c r="AG15" s="374"/>
      <c r="AH15" s="372">
        <v>1306</v>
      </c>
      <c r="AI15" s="373"/>
      <c r="AJ15" s="373"/>
      <c r="AK15" s="373"/>
      <c r="AL15" s="432"/>
      <c r="AM15" s="476"/>
      <c r="AN15" s="376"/>
      <c r="AO15" s="376"/>
      <c r="AP15" s="376"/>
      <c r="AQ15" s="376"/>
      <c r="AR15" s="376"/>
      <c r="AS15" s="376"/>
      <c r="AT15" s="377"/>
      <c r="AU15" s="477"/>
      <c r="AV15" s="478"/>
      <c r="AW15" s="478"/>
      <c r="AX15" s="478"/>
      <c r="AY15" s="445" t="s">
        <v>148</v>
      </c>
      <c r="AZ15" s="446"/>
      <c r="BA15" s="446"/>
      <c r="BB15" s="446"/>
      <c r="BC15" s="446"/>
      <c r="BD15" s="446"/>
      <c r="BE15" s="446"/>
      <c r="BF15" s="446"/>
      <c r="BG15" s="446"/>
      <c r="BH15" s="446"/>
      <c r="BI15" s="446"/>
      <c r="BJ15" s="446"/>
      <c r="BK15" s="446"/>
      <c r="BL15" s="446"/>
      <c r="BM15" s="447"/>
      <c r="BN15" s="448">
        <v>1526260</v>
      </c>
      <c r="BO15" s="449"/>
      <c r="BP15" s="449"/>
      <c r="BQ15" s="449"/>
      <c r="BR15" s="449"/>
      <c r="BS15" s="449"/>
      <c r="BT15" s="449"/>
      <c r="BU15" s="450"/>
      <c r="BV15" s="448">
        <v>1439949</v>
      </c>
      <c r="BW15" s="449"/>
      <c r="BX15" s="449"/>
      <c r="BY15" s="449"/>
      <c r="BZ15" s="449"/>
      <c r="CA15" s="449"/>
      <c r="CB15" s="449"/>
      <c r="CC15" s="450"/>
      <c r="CD15" s="519" t="s">
        <v>149</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0</v>
      </c>
      <c r="M16" s="494"/>
      <c r="N16" s="494"/>
      <c r="O16" s="494"/>
      <c r="P16" s="494"/>
      <c r="Q16" s="495"/>
      <c r="R16" s="496" t="s">
        <v>151</v>
      </c>
      <c r="S16" s="497"/>
      <c r="T16" s="497"/>
      <c r="U16" s="497"/>
      <c r="V16" s="498"/>
      <c r="W16" s="510"/>
      <c r="X16" s="408"/>
      <c r="Y16" s="408"/>
      <c r="Z16" s="408"/>
      <c r="AA16" s="408"/>
      <c r="AB16" s="409"/>
      <c r="AC16" s="499">
        <v>24.8</v>
      </c>
      <c r="AD16" s="500"/>
      <c r="AE16" s="500"/>
      <c r="AF16" s="500"/>
      <c r="AG16" s="501"/>
      <c r="AH16" s="499">
        <v>25.2</v>
      </c>
      <c r="AI16" s="500"/>
      <c r="AJ16" s="500"/>
      <c r="AK16" s="500"/>
      <c r="AL16" s="502"/>
      <c r="AM16" s="476"/>
      <c r="AN16" s="376"/>
      <c r="AO16" s="376"/>
      <c r="AP16" s="376"/>
      <c r="AQ16" s="376"/>
      <c r="AR16" s="376"/>
      <c r="AS16" s="376"/>
      <c r="AT16" s="377"/>
      <c r="AU16" s="477"/>
      <c r="AV16" s="478"/>
      <c r="AW16" s="478"/>
      <c r="AX16" s="478"/>
      <c r="AY16" s="433" t="s">
        <v>152</v>
      </c>
      <c r="AZ16" s="434"/>
      <c r="BA16" s="434"/>
      <c r="BB16" s="434"/>
      <c r="BC16" s="434"/>
      <c r="BD16" s="434"/>
      <c r="BE16" s="434"/>
      <c r="BF16" s="434"/>
      <c r="BG16" s="434"/>
      <c r="BH16" s="434"/>
      <c r="BI16" s="434"/>
      <c r="BJ16" s="434"/>
      <c r="BK16" s="434"/>
      <c r="BL16" s="434"/>
      <c r="BM16" s="435"/>
      <c r="BN16" s="419">
        <v>2730591</v>
      </c>
      <c r="BO16" s="420"/>
      <c r="BP16" s="420"/>
      <c r="BQ16" s="420"/>
      <c r="BR16" s="420"/>
      <c r="BS16" s="420"/>
      <c r="BT16" s="420"/>
      <c r="BU16" s="421"/>
      <c r="BV16" s="419">
        <v>2635115</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3</v>
      </c>
      <c r="N17" s="513"/>
      <c r="O17" s="513"/>
      <c r="P17" s="513"/>
      <c r="Q17" s="514"/>
      <c r="R17" s="496" t="s">
        <v>154</v>
      </c>
      <c r="S17" s="497"/>
      <c r="T17" s="497"/>
      <c r="U17" s="497"/>
      <c r="V17" s="498"/>
      <c r="W17" s="509" t="s">
        <v>155</v>
      </c>
      <c r="X17" s="405"/>
      <c r="Y17" s="405"/>
      <c r="Z17" s="405"/>
      <c r="AA17" s="405"/>
      <c r="AB17" s="406"/>
      <c r="AC17" s="372">
        <v>3678</v>
      </c>
      <c r="AD17" s="373"/>
      <c r="AE17" s="373"/>
      <c r="AF17" s="373"/>
      <c r="AG17" s="374"/>
      <c r="AH17" s="372">
        <v>3728</v>
      </c>
      <c r="AI17" s="373"/>
      <c r="AJ17" s="373"/>
      <c r="AK17" s="373"/>
      <c r="AL17" s="432"/>
      <c r="AM17" s="476"/>
      <c r="AN17" s="376"/>
      <c r="AO17" s="376"/>
      <c r="AP17" s="376"/>
      <c r="AQ17" s="376"/>
      <c r="AR17" s="376"/>
      <c r="AS17" s="376"/>
      <c r="AT17" s="377"/>
      <c r="AU17" s="477"/>
      <c r="AV17" s="478"/>
      <c r="AW17" s="478"/>
      <c r="AX17" s="478"/>
      <c r="AY17" s="433" t="s">
        <v>156</v>
      </c>
      <c r="AZ17" s="434"/>
      <c r="BA17" s="434"/>
      <c r="BB17" s="434"/>
      <c r="BC17" s="434"/>
      <c r="BD17" s="434"/>
      <c r="BE17" s="434"/>
      <c r="BF17" s="434"/>
      <c r="BG17" s="434"/>
      <c r="BH17" s="434"/>
      <c r="BI17" s="434"/>
      <c r="BJ17" s="434"/>
      <c r="BK17" s="434"/>
      <c r="BL17" s="434"/>
      <c r="BM17" s="435"/>
      <c r="BN17" s="419">
        <v>1940755</v>
      </c>
      <c r="BO17" s="420"/>
      <c r="BP17" s="420"/>
      <c r="BQ17" s="420"/>
      <c r="BR17" s="420"/>
      <c r="BS17" s="420"/>
      <c r="BT17" s="420"/>
      <c r="BU17" s="421"/>
      <c r="BV17" s="419">
        <v>1825520</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7</v>
      </c>
      <c r="C18" s="470"/>
      <c r="D18" s="470"/>
      <c r="E18" s="471"/>
      <c r="F18" s="471"/>
      <c r="G18" s="471"/>
      <c r="H18" s="471"/>
      <c r="I18" s="471"/>
      <c r="J18" s="471"/>
      <c r="K18" s="471"/>
      <c r="L18" s="472">
        <v>37.75</v>
      </c>
      <c r="M18" s="472"/>
      <c r="N18" s="472"/>
      <c r="O18" s="472"/>
      <c r="P18" s="472"/>
      <c r="Q18" s="472"/>
      <c r="R18" s="473"/>
      <c r="S18" s="473"/>
      <c r="T18" s="473"/>
      <c r="U18" s="473"/>
      <c r="V18" s="474"/>
      <c r="W18" s="490"/>
      <c r="X18" s="491"/>
      <c r="Y18" s="491"/>
      <c r="Z18" s="491"/>
      <c r="AA18" s="491"/>
      <c r="AB18" s="515"/>
      <c r="AC18" s="389">
        <v>72.599999999999994</v>
      </c>
      <c r="AD18" s="390"/>
      <c r="AE18" s="390"/>
      <c r="AF18" s="390"/>
      <c r="AG18" s="475"/>
      <c r="AH18" s="389">
        <v>71.8</v>
      </c>
      <c r="AI18" s="390"/>
      <c r="AJ18" s="390"/>
      <c r="AK18" s="390"/>
      <c r="AL18" s="391"/>
      <c r="AM18" s="476"/>
      <c r="AN18" s="376"/>
      <c r="AO18" s="376"/>
      <c r="AP18" s="376"/>
      <c r="AQ18" s="376"/>
      <c r="AR18" s="376"/>
      <c r="AS18" s="376"/>
      <c r="AT18" s="377"/>
      <c r="AU18" s="477"/>
      <c r="AV18" s="478"/>
      <c r="AW18" s="478"/>
      <c r="AX18" s="478"/>
      <c r="AY18" s="433" t="s">
        <v>158</v>
      </c>
      <c r="AZ18" s="434"/>
      <c r="BA18" s="434"/>
      <c r="BB18" s="434"/>
      <c r="BC18" s="434"/>
      <c r="BD18" s="434"/>
      <c r="BE18" s="434"/>
      <c r="BF18" s="434"/>
      <c r="BG18" s="434"/>
      <c r="BH18" s="434"/>
      <c r="BI18" s="434"/>
      <c r="BJ18" s="434"/>
      <c r="BK18" s="434"/>
      <c r="BL18" s="434"/>
      <c r="BM18" s="435"/>
      <c r="BN18" s="419">
        <v>2842274</v>
      </c>
      <c r="BO18" s="420"/>
      <c r="BP18" s="420"/>
      <c r="BQ18" s="420"/>
      <c r="BR18" s="420"/>
      <c r="BS18" s="420"/>
      <c r="BT18" s="420"/>
      <c r="BU18" s="421"/>
      <c r="BV18" s="419">
        <v>2762088</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59</v>
      </c>
      <c r="C19" s="470"/>
      <c r="D19" s="470"/>
      <c r="E19" s="471"/>
      <c r="F19" s="471"/>
      <c r="G19" s="471"/>
      <c r="H19" s="471"/>
      <c r="I19" s="471"/>
      <c r="J19" s="471"/>
      <c r="K19" s="471"/>
      <c r="L19" s="479">
        <v>287</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0</v>
      </c>
      <c r="AZ19" s="434"/>
      <c r="BA19" s="434"/>
      <c r="BB19" s="434"/>
      <c r="BC19" s="434"/>
      <c r="BD19" s="434"/>
      <c r="BE19" s="434"/>
      <c r="BF19" s="434"/>
      <c r="BG19" s="434"/>
      <c r="BH19" s="434"/>
      <c r="BI19" s="434"/>
      <c r="BJ19" s="434"/>
      <c r="BK19" s="434"/>
      <c r="BL19" s="434"/>
      <c r="BM19" s="435"/>
      <c r="BN19" s="419">
        <v>3965821</v>
      </c>
      <c r="BO19" s="420"/>
      <c r="BP19" s="420"/>
      <c r="BQ19" s="420"/>
      <c r="BR19" s="420"/>
      <c r="BS19" s="420"/>
      <c r="BT19" s="420"/>
      <c r="BU19" s="421"/>
      <c r="BV19" s="419">
        <v>3955667</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1</v>
      </c>
      <c r="C20" s="470"/>
      <c r="D20" s="470"/>
      <c r="E20" s="471"/>
      <c r="F20" s="471"/>
      <c r="G20" s="471"/>
      <c r="H20" s="471"/>
      <c r="I20" s="471"/>
      <c r="J20" s="471"/>
      <c r="K20" s="471"/>
      <c r="L20" s="479">
        <v>4572</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2</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3</v>
      </c>
      <c r="C22" s="396"/>
      <c r="D22" s="397"/>
      <c r="E22" s="404" t="s">
        <v>1</v>
      </c>
      <c r="F22" s="405"/>
      <c r="G22" s="405"/>
      <c r="H22" s="405"/>
      <c r="I22" s="405"/>
      <c r="J22" s="405"/>
      <c r="K22" s="406"/>
      <c r="L22" s="404" t="s">
        <v>164</v>
      </c>
      <c r="M22" s="405"/>
      <c r="N22" s="405"/>
      <c r="O22" s="405"/>
      <c r="P22" s="406"/>
      <c r="Q22" s="410" t="s">
        <v>165</v>
      </c>
      <c r="R22" s="411"/>
      <c r="S22" s="411"/>
      <c r="T22" s="411"/>
      <c r="U22" s="411"/>
      <c r="V22" s="412"/>
      <c r="W22" s="461" t="s">
        <v>166</v>
      </c>
      <c r="X22" s="396"/>
      <c r="Y22" s="397"/>
      <c r="Z22" s="404" t="s">
        <v>1</v>
      </c>
      <c r="AA22" s="405"/>
      <c r="AB22" s="405"/>
      <c r="AC22" s="405"/>
      <c r="AD22" s="405"/>
      <c r="AE22" s="405"/>
      <c r="AF22" s="405"/>
      <c r="AG22" s="406"/>
      <c r="AH22" s="422" t="s">
        <v>167</v>
      </c>
      <c r="AI22" s="405"/>
      <c r="AJ22" s="405"/>
      <c r="AK22" s="405"/>
      <c r="AL22" s="406"/>
      <c r="AM22" s="422" t="s">
        <v>168</v>
      </c>
      <c r="AN22" s="423"/>
      <c r="AO22" s="423"/>
      <c r="AP22" s="423"/>
      <c r="AQ22" s="423"/>
      <c r="AR22" s="424"/>
      <c r="AS22" s="410" t="s">
        <v>165</v>
      </c>
      <c r="AT22" s="411"/>
      <c r="AU22" s="411"/>
      <c r="AV22" s="411"/>
      <c r="AW22" s="411"/>
      <c r="AX22" s="428"/>
      <c r="AY22" s="445" t="s">
        <v>169</v>
      </c>
      <c r="AZ22" s="446"/>
      <c r="BA22" s="446"/>
      <c r="BB22" s="446"/>
      <c r="BC22" s="446"/>
      <c r="BD22" s="446"/>
      <c r="BE22" s="446"/>
      <c r="BF22" s="446"/>
      <c r="BG22" s="446"/>
      <c r="BH22" s="446"/>
      <c r="BI22" s="446"/>
      <c r="BJ22" s="446"/>
      <c r="BK22" s="446"/>
      <c r="BL22" s="446"/>
      <c r="BM22" s="447"/>
      <c r="BN22" s="448">
        <v>5604331</v>
      </c>
      <c r="BO22" s="449"/>
      <c r="BP22" s="449"/>
      <c r="BQ22" s="449"/>
      <c r="BR22" s="449"/>
      <c r="BS22" s="449"/>
      <c r="BT22" s="449"/>
      <c r="BU22" s="450"/>
      <c r="BV22" s="448">
        <v>5630767</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0</v>
      </c>
      <c r="AZ23" s="434"/>
      <c r="BA23" s="434"/>
      <c r="BB23" s="434"/>
      <c r="BC23" s="434"/>
      <c r="BD23" s="434"/>
      <c r="BE23" s="434"/>
      <c r="BF23" s="434"/>
      <c r="BG23" s="434"/>
      <c r="BH23" s="434"/>
      <c r="BI23" s="434"/>
      <c r="BJ23" s="434"/>
      <c r="BK23" s="434"/>
      <c r="BL23" s="434"/>
      <c r="BM23" s="435"/>
      <c r="BN23" s="419">
        <v>4933760</v>
      </c>
      <c r="BO23" s="420"/>
      <c r="BP23" s="420"/>
      <c r="BQ23" s="420"/>
      <c r="BR23" s="420"/>
      <c r="BS23" s="420"/>
      <c r="BT23" s="420"/>
      <c r="BU23" s="421"/>
      <c r="BV23" s="419">
        <v>4903038</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1</v>
      </c>
      <c r="F24" s="376"/>
      <c r="G24" s="376"/>
      <c r="H24" s="376"/>
      <c r="I24" s="376"/>
      <c r="J24" s="376"/>
      <c r="K24" s="377"/>
      <c r="L24" s="372">
        <v>1</v>
      </c>
      <c r="M24" s="373"/>
      <c r="N24" s="373"/>
      <c r="O24" s="373"/>
      <c r="P24" s="374"/>
      <c r="Q24" s="372">
        <v>7470</v>
      </c>
      <c r="R24" s="373"/>
      <c r="S24" s="373"/>
      <c r="T24" s="373"/>
      <c r="U24" s="373"/>
      <c r="V24" s="374"/>
      <c r="W24" s="462"/>
      <c r="X24" s="399"/>
      <c r="Y24" s="400"/>
      <c r="Z24" s="375" t="s">
        <v>172</v>
      </c>
      <c r="AA24" s="376"/>
      <c r="AB24" s="376"/>
      <c r="AC24" s="376"/>
      <c r="AD24" s="376"/>
      <c r="AE24" s="376"/>
      <c r="AF24" s="376"/>
      <c r="AG24" s="377"/>
      <c r="AH24" s="372">
        <v>91</v>
      </c>
      <c r="AI24" s="373"/>
      <c r="AJ24" s="373"/>
      <c r="AK24" s="373"/>
      <c r="AL24" s="374"/>
      <c r="AM24" s="372">
        <v>270361</v>
      </c>
      <c r="AN24" s="373"/>
      <c r="AO24" s="373"/>
      <c r="AP24" s="373"/>
      <c r="AQ24" s="373"/>
      <c r="AR24" s="374"/>
      <c r="AS24" s="372">
        <v>2971</v>
      </c>
      <c r="AT24" s="373"/>
      <c r="AU24" s="373"/>
      <c r="AV24" s="373"/>
      <c r="AW24" s="373"/>
      <c r="AX24" s="432"/>
      <c r="AY24" s="392" t="s">
        <v>173</v>
      </c>
      <c r="AZ24" s="393"/>
      <c r="BA24" s="393"/>
      <c r="BB24" s="393"/>
      <c r="BC24" s="393"/>
      <c r="BD24" s="393"/>
      <c r="BE24" s="393"/>
      <c r="BF24" s="393"/>
      <c r="BG24" s="393"/>
      <c r="BH24" s="393"/>
      <c r="BI24" s="393"/>
      <c r="BJ24" s="393"/>
      <c r="BK24" s="393"/>
      <c r="BL24" s="393"/>
      <c r="BM24" s="394"/>
      <c r="BN24" s="419">
        <v>3163157</v>
      </c>
      <c r="BO24" s="420"/>
      <c r="BP24" s="420"/>
      <c r="BQ24" s="420"/>
      <c r="BR24" s="420"/>
      <c r="BS24" s="420"/>
      <c r="BT24" s="420"/>
      <c r="BU24" s="421"/>
      <c r="BV24" s="419">
        <v>3029732</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4</v>
      </c>
      <c r="F25" s="376"/>
      <c r="G25" s="376"/>
      <c r="H25" s="376"/>
      <c r="I25" s="376"/>
      <c r="J25" s="376"/>
      <c r="K25" s="377"/>
      <c r="L25" s="372">
        <v>1</v>
      </c>
      <c r="M25" s="373"/>
      <c r="N25" s="373"/>
      <c r="O25" s="373"/>
      <c r="P25" s="374"/>
      <c r="Q25" s="372">
        <v>6130</v>
      </c>
      <c r="R25" s="373"/>
      <c r="S25" s="373"/>
      <c r="T25" s="373"/>
      <c r="U25" s="373"/>
      <c r="V25" s="374"/>
      <c r="W25" s="462"/>
      <c r="X25" s="399"/>
      <c r="Y25" s="400"/>
      <c r="Z25" s="375" t="s">
        <v>175</v>
      </c>
      <c r="AA25" s="376"/>
      <c r="AB25" s="376"/>
      <c r="AC25" s="376"/>
      <c r="AD25" s="376"/>
      <c r="AE25" s="376"/>
      <c r="AF25" s="376"/>
      <c r="AG25" s="377"/>
      <c r="AH25" s="372" t="s">
        <v>129</v>
      </c>
      <c r="AI25" s="373"/>
      <c r="AJ25" s="373"/>
      <c r="AK25" s="373"/>
      <c r="AL25" s="374"/>
      <c r="AM25" s="372" t="s">
        <v>176</v>
      </c>
      <c r="AN25" s="373"/>
      <c r="AO25" s="373"/>
      <c r="AP25" s="373"/>
      <c r="AQ25" s="373"/>
      <c r="AR25" s="374"/>
      <c r="AS25" s="372" t="s">
        <v>176</v>
      </c>
      <c r="AT25" s="373"/>
      <c r="AU25" s="373"/>
      <c r="AV25" s="373"/>
      <c r="AW25" s="373"/>
      <c r="AX25" s="432"/>
      <c r="AY25" s="445" t="s">
        <v>177</v>
      </c>
      <c r="AZ25" s="446"/>
      <c r="BA25" s="446"/>
      <c r="BB25" s="446"/>
      <c r="BC25" s="446"/>
      <c r="BD25" s="446"/>
      <c r="BE25" s="446"/>
      <c r="BF25" s="446"/>
      <c r="BG25" s="446"/>
      <c r="BH25" s="446"/>
      <c r="BI25" s="446"/>
      <c r="BJ25" s="446"/>
      <c r="BK25" s="446"/>
      <c r="BL25" s="446"/>
      <c r="BM25" s="447"/>
      <c r="BN25" s="448">
        <v>603520</v>
      </c>
      <c r="BO25" s="449"/>
      <c r="BP25" s="449"/>
      <c r="BQ25" s="449"/>
      <c r="BR25" s="449"/>
      <c r="BS25" s="449"/>
      <c r="BT25" s="449"/>
      <c r="BU25" s="450"/>
      <c r="BV25" s="448">
        <v>669587</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8</v>
      </c>
      <c r="F26" s="376"/>
      <c r="G26" s="376"/>
      <c r="H26" s="376"/>
      <c r="I26" s="376"/>
      <c r="J26" s="376"/>
      <c r="K26" s="377"/>
      <c r="L26" s="372">
        <v>1</v>
      </c>
      <c r="M26" s="373"/>
      <c r="N26" s="373"/>
      <c r="O26" s="373"/>
      <c r="P26" s="374"/>
      <c r="Q26" s="372">
        <v>5820</v>
      </c>
      <c r="R26" s="373"/>
      <c r="S26" s="373"/>
      <c r="T26" s="373"/>
      <c r="U26" s="373"/>
      <c r="V26" s="374"/>
      <c r="W26" s="462"/>
      <c r="X26" s="399"/>
      <c r="Y26" s="400"/>
      <c r="Z26" s="375" t="s">
        <v>179</v>
      </c>
      <c r="AA26" s="430"/>
      <c r="AB26" s="430"/>
      <c r="AC26" s="430"/>
      <c r="AD26" s="430"/>
      <c r="AE26" s="430"/>
      <c r="AF26" s="430"/>
      <c r="AG26" s="431"/>
      <c r="AH26" s="372" t="s">
        <v>129</v>
      </c>
      <c r="AI26" s="373"/>
      <c r="AJ26" s="373"/>
      <c r="AK26" s="373"/>
      <c r="AL26" s="374"/>
      <c r="AM26" s="372" t="s">
        <v>176</v>
      </c>
      <c r="AN26" s="373"/>
      <c r="AO26" s="373"/>
      <c r="AP26" s="373"/>
      <c r="AQ26" s="373"/>
      <c r="AR26" s="374"/>
      <c r="AS26" s="372" t="s">
        <v>176</v>
      </c>
      <c r="AT26" s="373"/>
      <c r="AU26" s="373"/>
      <c r="AV26" s="373"/>
      <c r="AW26" s="373"/>
      <c r="AX26" s="432"/>
      <c r="AY26" s="459" t="s">
        <v>180</v>
      </c>
      <c r="AZ26" s="379"/>
      <c r="BA26" s="379"/>
      <c r="BB26" s="379"/>
      <c r="BC26" s="379"/>
      <c r="BD26" s="379"/>
      <c r="BE26" s="379"/>
      <c r="BF26" s="379"/>
      <c r="BG26" s="379"/>
      <c r="BH26" s="379"/>
      <c r="BI26" s="379"/>
      <c r="BJ26" s="379"/>
      <c r="BK26" s="379"/>
      <c r="BL26" s="379"/>
      <c r="BM26" s="460"/>
      <c r="BN26" s="419" t="s">
        <v>129</v>
      </c>
      <c r="BO26" s="420"/>
      <c r="BP26" s="420"/>
      <c r="BQ26" s="420"/>
      <c r="BR26" s="420"/>
      <c r="BS26" s="420"/>
      <c r="BT26" s="420"/>
      <c r="BU26" s="421"/>
      <c r="BV26" s="419" t="s">
        <v>129</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1</v>
      </c>
      <c r="F27" s="376"/>
      <c r="G27" s="376"/>
      <c r="H27" s="376"/>
      <c r="I27" s="376"/>
      <c r="J27" s="376"/>
      <c r="K27" s="377"/>
      <c r="L27" s="372">
        <v>1</v>
      </c>
      <c r="M27" s="373"/>
      <c r="N27" s="373"/>
      <c r="O27" s="373"/>
      <c r="P27" s="374"/>
      <c r="Q27" s="372">
        <v>3500</v>
      </c>
      <c r="R27" s="373"/>
      <c r="S27" s="373"/>
      <c r="T27" s="373"/>
      <c r="U27" s="373"/>
      <c r="V27" s="374"/>
      <c r="W27" s="462"/>
      <c r="X27" s="399"/>
      <c r="Y27" s="400"/>
      <c r="Z27" s="375" t="s">
        <v>182</v>
      </c>
      <c r="AA27" s="376"/>
      <c r="AB27" s="376"/>
      <c r="AC27" s="376"/>
      <c r="AD27" s="376"/>
      <c r="AE27" s="376"/>
      <c r="AF27" s="376"/>
      <c r="AG27" s="377"/>
      <c r="AH27" s="372">
        <v>10</v>
      </c>
      <c r="AI27" s="373"/>
      <c r="AJ27" s="373"/>
      <c r="AK27" s="373"/>
      <c r="AL27" s="374"/>
      <c r="AM27" s="372">
        <v>24500</v>
      </c>
      <c r="AN27" s="373"/>
      <c r="AO27" s="373"/>
      <c r="AP27" s="373"/>
      <c r="AQ27" s="373"/>
      <c r="AR27" s="374"/>
      <c r="AS27" s="372">
        <v>2450</v>
      </c>
      <c r="AT27" s="373"/>
      <c r="AU27" s="373"/>
      <c r="AV27" s="373"/>
      <c r="AW27" s="373"/>
      <c r="AX27" s="432"/>
      <c r="AY27" s="456" t="s">
        <v>183</v>
      </c>
      <c r="AZ27" s="457"/>
      <c r="BA27" s="457"/>
      <c r="BB27" s="457"/>
      <c r="BC27" s="457"/>
      <c r="BD27" s="457"/>
      <c r="BE27" s="457"/>
      <c r="BF27" s="457"/>
      <c r="BG27" s="457"/>
      <c r="BH27" s="457"/>
      <c r="BI27" s="457"/>
      <c r="BJ27" s="457"/>
      <c r="BK27" s="457"/>
      <c r="BL27" s="457"/>
      <c r="BM27" s="458"/>
      <c r="BN27" s="453">
        <v>366877</v>
      </c>
      <c r="BO27" s="454"/>
      <c r="BP27" s="454"/>
      <c r="BQ27" s="454"/>
      <c r="BR27" s="454"/>
      <c r="BS27" s="454"/>
      <c r="BT27" s="454"/>
      <c r="BU27" s="455"/>
      <c r="BV27" s="453">
        <v>366875</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4</v>
      </c>
      <c r="F28" s="376"/>
      <c r="G28" s="376"/>
      <c r="H28" s="376"/>
      <c r="I28" s="376"/>
      <c r="J28" s="376"/>
      <c r="K28" s="377"/>
      <c r="L28" s="372">
        <v>1</v>
      </c>
      <c r="M28" s="373"/>
      <c r="N28" s="373"/>
      <c r="O28" s="373"/>
      <c r="P28" s="374"/>
      <c r="Q28" s="372">
        <v>2700</v>
      </c>
      <c r="R28" s="373"/>
      <c r="S28" s="373"/>
      <c r="T28" s="373"/>
      <c r="U28" s="373"/>
      <c r="V28" s="374"/>
      <c r="W28" s="462"/>
      <c r="X28" s="399"/>
      <c r="Y28" s="400"/>
      <c r="Z28" s="375" t="s">
        <v>185</v>
      </c>
      <c r="AA28" s="376"/>
      <c r="AB28" s="376"/>
      <c r="AC28" s="376"/>
      <c r="AD28" s="376"/>
      <c r="AE28" s="376"/>
      <c r="AF28" s="376"/>
      <c r="AG28" s="377"/>
      <c r="AH28" s="372" t="s">
        <v>176</v>
      </c>
      <c r="AI28" s="373"/>
      <c r="AJ28" s="373"/>
      <c r="AK28" s="373"/>
      <c r="AL28" s="374"/>
      <c r="AM28" s="372" t="s">
        <v>129</v>
      </c>
      <c r="AN28" s="373"/>
      <c r="AO28" s="373"/>
      <c r="AP28" s="373"/>
      <c r="AQ28" s="373"/>
      <c r="AR28" s="374"/>
      <c r="AS28" s="372" t="s">
        <v>176</v>
      </c>
      <c r="AT28" s="373"/>
      <c r="AU28" s="373"/>
      <c r="AV28" s="373"/>
      <c r="AW28" s="373"/>
      <c r="AX28" s="432"/>
      <c r="AY28" s="436" t="s">
        <v>186</v>
      </c>
      <c r="AZ28" s="437"/>
      <c r="BA28" s="437"/>
      <c r="BB28" s="438"/>
      <c r="BC28" s="445" t="s">
        <v>49</v>
      </c>
      <c r="BD28" s="446"/>
      <c r="BE28" s="446"/>
      <c r="BF28" s="446"/>
      <c r="BG28" s="446"/>
      <c r="BH28" s="446"/>
      <c r="BI28" s="446"/>
      <c r="BJ28" s="446"/>
      <c r="BK28" s="446"/>
      <c r="BL28" s="446"/>
      <c r="BM28" s="447"/>
      <c r="BN28" s="448">
        <v>1495730</v>
      </c>
      <c r="BO28" s="449"/>
      <c r="BP28" s="449"/>
      <c r="BQ28" s="449"/>
      <c r="BR28" s="449"/>
      <c r="BS28" s="449"/>
      <c r="BT28" s="449"/>
      <c r="BU28" s="450"/>
      <c r="BV28" s="448">
        <v>1195717</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7</v>
      </c>
      <c r="F29" s="376"/>
      <c r="G29" s="376"/>
      <c r="H29" s="376"/>
      <c r="I29" s="376"/>
      <c r="J29" s="376"/>
      <c r="K29" s="377"/>
      <c r="L29" s="372">
        <v>10</v>
      </c>
      <c r="M29" s="373"/>
      <c r="N29" s="373"/>
      <c r="O29" s="373"/>
      <c r="P29" s="374"/>
      <c r="Q29" s="372">
        <v>2500</v>
      </c>
      <c r="R29" s="373"/>
      <c r="S29" s="373"/>
      <c r="T29" s="373"/>
      <c r="U29" s="373"/>
      <c r="V29" s="374"/>
      <c r="W29" s="463"/>
      <c r="X29" s="464"/>
      <c r="Y29" s="465"/>
      <c r="Z29" s="375" t="s">
        <v>188</v>
      </c>
      <c r="AA29" s="376"/>
      <c r="AB29" s="376"/>
      <c r="AC29" s="376"/>
      <c r="AD29" s="376"/>
      <c r="AE29" s="376"/>
      <c r="AF29" s="376"/>
      <c r="AG29" s="377"/>
      <c r="AH29" s="372">
        <v>101</v>
      </c>
      <c r="AI29" s="373"/>
      <c r="AJ29" s="373"/>
      <c r="AK29" s="373"/>
      <c r="AL29" s="374"/>
      <c r="AM29" s="372">
        <v>294861</v>
      </c>
      <c r="AN29" s="373"/>
      <c r="AO29" s="373"/>
      <c r="AP29" s="373"/>
      <c r="AQ29" s="373"/>
      <c r="AR29" s="374"/>
      <c r="AS29" s="372">
        <v>2919</v>
      </c>
      <c r="AT29" s="373"/>
      <c r="AU29" s="373"/>
      <c r="AV29" s="373"/>
      <c r="AW29" s="373"/>
      <c r="AX29" s="432"/>
      <c r="AY29" s="439"/>
      <c r="AZ29" s="440"/>
      <c r="BA29" s="440"/>
      <c r="BB29" s="441"/>
      <c r="BC29" s="433" t="s">
        <v>189</v>
      </c>
      <c r="BD29" s="434"/>
      <c r="BE29" s="434"/>
      <c r="BF29" s="434"/>
      <c r="BG29" s="434"/>
      <c r="BH29" s="434"/>
      <c r="BI29" s="434"/>
      <c r="BJ29" s="434"/>
      <c r="BK29" s="434"/>
      <c r="BL29" s="434"/>
      <c r="BM29" s="435"/>
      <c r="BN29" s="419">
        <v>785</v>
      </c>
      <c r="BO29" s="420"/>
      <c r="BP29" s="420"/>
      <c r="BQ29" s="420"/>
      <c r="BR29" s="420"/>
      <c r="BS29" s="420"/>
      <c r="BT29" s="420"/>
      <c r="BU29" s="421"/>
      <c r="BV29" s="419">
        <v>785</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0</v>
      </c>
      <c r="X30" s="387"/>
      <c r="Y30" s="387"/>
      <c r="Z30" s="387"/>
      <c r="AA30" s="387"/>
      <c r="AB30" s="387"/>
      <c r="AC30" s="387"/>
      <c r="AD30" s="387"/>
      <c r="AE30" s="387"/>
      <c r="AF30" s="387"/>
      <c r="AG30" s="388"/>
      <c r="AH30" s="389">
        <v>97.5</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1</v>
      </c>
      <c r="BD30" s="393"/>
      <c r="BE30" s="393"/>
      <c r="BF30" s="393"/>
      <c r="BG30" s="393"/>
      <c r="BH30" s="393"/>
      <c r="BI30" s="393"/>
      <c r="BJ30" s="393"/>
      <c r="BK30" s="393"/>
      <c r="BL30" s="393"/>
      <c r="BM30" s="394"/>
      <c r="BN30" s="453">
        <v>497858</v>
      </c>
      <c r="BO30" s="454"/>
      <c r="BP30" s="454"/>
      <c r="BQ30" s="454"/>
      <c r="BR30" s="454"/>
      <c r="BS30" s="454"/>
      <c r="BT30" s="454"/>
      <c r="BU30" s="455"/>
      <c r="BV30" s="453">
        <v>397241</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1</v>
      </c>
      <c r="D32" s="378"/>
      <c r="E32" s="378"/>
      <c r="F32" s="378"/>
      <c r="G32" s="378"/>
      <c r="H32" s="378"/>
      <c r="I32" s="378"/>
      <c r="J32" s="378"/>
      <c r="K32" s="378"/>
      <c r="L32" s="378"/>
      <c r="M32" s="378"/>
      <c r="N32" s="378"/>
      <c r="O32" s="378"/>
      <c r="P32" s="378"/>
      <c r="Q32" s="378"/>
      <c r="R32" s="378"/>
      <c r="S32" s="378"/>
      <c r="U32" s="379" t="s">
        <v>192</v>
      </c>
      <c r="V32" s="379"/>
      <c r="W32" s="379"/>
      <c r="X32" s="379"/>
      <c r="Y32" s="379"/>
      <c r="Z32" s="379"/>
      <c r="AA32" s="379"/>
      <c r="AB32" s="379"/>
      <c r="AC32" s="379"/>
      <c r="AD32" s="379"/>
      <c r="AE32" s="379"/>
      <c r="AF32" s="379"/>
      <c r="AG32" s="379"/>
      <c r="AH32" s="379"/>
      <c r="AI32" s="379"/>
      <c r="AJ32" s="379"/>
      <c r="AK32" s="379"/>
      <c r="AM32" s="379" t="s">
        <v>193</v>
      </c>
      <c r="AN32" s="379"/>
      <c r="AO32" s="379"/>
      <c r="AP32" s="379"/>
      <c r="AQ32" s="379"/>
      <c r="AR32" s="379"/>
      <c r="AS32" s="379"/>
      <c r="AT32" s="379"/>
      <c r="AU32" s="379"/>
      <c r="AV32" s="379"/>
      <c r="AW32" s="379"/>
      <c r="AX32" s="379"/>
      <c r="AY32" s="379"/>
      <c r="AZ32" s="379"/>
      <c r="BA32" s="379"/>
      <c r="BB32" s="379"/>
      <c r="BC32" s="379"/>
      <c r="BE32" s="379" t="s">
        <v>194</v>
      </c>
      <c r="BF32" s="379"/>
      <c r="BG32" s="379"/>
      <c r="BH32" s="379"/>
      <c r="BI32" s="379"/>
      <c r="BJ32" s="379"/>
      <c r="BK32" s="379"/>
      <c r="BL32" s="379"/>
      <c r="BM32" s="379"/>
      <c r="BN32" s="379"/>
      <c r="BO32" s="379"/>
      <c r="BP32" s="379"/>
      <c r="BQ32" s="379"/>
      <c r="BR32" s="379"/>
      <c r="BS32" s="379"/>
      <c r="BT32" s="379"/>
      <c r="BU32" s="379"/>
      <c r="BW32" s="379" t="s">
        <v>195</v>
      </c>
      <c r="BX32" s="379"/>
      <c r="BY32" s="379"/>
      <c r="BZ32" s="379"/>
      <c r="CA32" s="379"/>
      <c r="CB32" s="379"/>
      <c r="CC32" s="379"/>
      <c r="CD32" s="379"/>
      <c r="CE32" s="379"/>
      <c r="CF32" s="379"/>
      <c r="CG32" s="379"/>
      <c r="CH32" s="379"/>
      <c r="CI32" s="379"/>
      <c r="CJ32" s="379"/>
      <c r="CK32" s="379"/>
      <c r="CL32" s="379"/>
      <c r="CM32" s="379"/>
      <c r="CO32" s="379" t="s">
        <v>196</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7</v>
      </c>
      <c r="D33" s="371"/>
      <c r="E33" s="370" t="s">
        <v>198</v>
      </c>
      <c r="F33" s="370"/>
      <c r="G33" s="370"/>
      <c r="H33" s="370"/>
      <c r="I33" s="370"/>
      <c r="J33" s="370"/>
      <c r="K33" s="370"/>
      <c r="L33" s="370"/>
      <c r="M33" s="370"/>
      <c r="N33" s="370"/>
      <c r="O33" s="370"/>
      <c r="P33" s="370"/>
      <c r="Q33" s="370"/>
      <c r="R33" s="370"/>
      <c r="S33" s="370"/>
      <c r="T33" s="206"/>
      <c r="U33" s="371" t="s">
        <v>197</v>
      </c>
      <c r="V33" s="371"/>
      <c r="W33" s="370" t="s">
        <v>198</v>
      </c>
      <c r="X33" s="370"/>
      <c r="Y33" s="370"/>
      <c r="Z33" s="370"/>
      <c r="AA33" s="370"/>
      <c r="AB33" s="370"/>
      <c r="AC33" s="370"/>
      <c r="AD33" s="370"/>
      <c r="AE33" s="370"/>
      <c r="AF33" s="370"/>
      <c r="AG33" s="370"/>
      <c r="AH33" s="370"/>
      <c r="AI33" s="370"/>
      <c r="AJ33" s="370"/>
      <c r="AK33" s="370"/>
      <c r="AL33" s="206"/>
      <c r="AM33" s="371" t="s">
        <v>197</v>
      </c>
      <c r="AN33" s="371"/>
      <c r="AO33" s="370" t="s">
        <v>198</v>
      </c>
      <c r="AP33" s="370"/>
      <c r="AQ33" s="370"/>
      <c r="AR33" s="370"/>
      <c r="AS33" s="370"/>
      <c r="AT33" s="370"/>
      <c r="AU33" s="370"/>
      <c r="AV33" s="370"/>
      <c r="AW33" s="370"/>
      <c r="AX33" s="370"/>
      <c r="AY33" s="370"/>
      <c r="AZ33" s="370"/>
      <c r="BA33" s="370"/>
      <c r="BB33" s="370"/>
      <c r="BC33" s="370"/>
      <c r="BD33" s="207"/>
      <c r="BE33" s="370" t="s">
        <v>199</v>
      </c>
      <c r="BF33" s="370"/>
      <c r="BG33" s="370" t="s">
        <v>200</v>
      </c>
      <c r="BH33" s="370"/>
      <c r="BI33" s="370"/>
      <c r="BJ33" s="370"/>
      <c r="BK33" s="370"/>
      <c r="BL33" s="370"/>
      <c r="BM33" s="370"/>
      <c r="BN33" s="370"/>
      <c r="BO33" s="370"/>
      <c r="BP33" s="370"/>
      <c r="BQ33" s="370"/>
      <c r="BR33" s="370"/>
      <c r="BS33" s="370"/>
      <c r="BT33" s="370"/>
      <c r="BU33" s="370"/>
      <c r="BV33" s="207"/>
      <c r="BW33" s="371" t="s">
        <v>199</v>
      </c>
      <c r="BX33" s="371"/>
      <c r="BY33" s="370" t="s">
        <v>201</v>
      </c>
      <c r="BZ33" s="370"/>
      <c r="CA33" s="370"/>
      <c r="CB33" s="370"/>
      <c r="CC33" s="370"/>
      <c r="CD33" s="370"/>
      <c r="CE33" s="370"/>
      <c r="CF33" s="370"/>
      <c r="CG33" s="370"/>
      <c r="CH33" s="370"/>
      <c r="CI33" s="370"/>
      <c r="CJ33" s="370"/>
      <c r="CK33" s="370"/>
      <c r="CL33" s="370"/>
      <c r="CM33" s="370"/>
      <c r="CN33" s="206"/>
      <c r="CO33" s="371" t="s">
        <v>197</v>
      </c>
      <c r="CP33" s="371"/>
      <c r="CQ33" s="370" t="s">
        <v>202</v>
      </c>
      <c r="CR33" s="370"/>
      <c r="CS33" s="370"/>
      <c r="CT33" s="370"/>
      <c r="CU33" s="370"/>
      <c r="CV33" s="370"/>
      <c r="CW33" s="370"/>
      <c r="CX33" s="370"/>
      <c r="CY33" s="370"/>
      <c r="CZ33" s="370"/>
      <c r="DA33" s="370"/>
      <c r="DB33" s="370"/>
      <c r="DC33" s="370"/>
      <c r="DD33" s="370"/>
      <c r="DE33" s="370"/>
      <c r="DF33" s="206"/>
      <c r="DG33" s="369" t="s">
        <v>203</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3</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7</v>
      </c>
      <c r="AN34" s="367"/>
      <c r="AO34" s="368" t="str">
        <f>IF('各会計、関係団体の財政状況及び健全化判断比率'!B32="","",'各会計、関係団体の財政状況及び健全化判断比率'!B32)</f>
        <v>上水道事業会計</v>
      </c>
      <c r="AP34" s="368"/>
      <c r="AQ34" s="368"/>
      <c r="AR34" s="368"/>
      <c r="AS34" s="368"/>
      <c r="AT34" s="368"/>
      <c r="AU34" s="368"/>
      <c r="AV34" s="368"/>
      <c r="AW34" s="368"/>
      <c r="AX34" s="368"/>
      <c r="AY34" s="368"/>
      <c r="AZ34" s="368"/>
      <c r="BA34" s="368"/>
      <c r="BB34" s="368"/>
      <c r="BC34" s="368"/>
      <c r="BD34" s="181"/>
      <c r="BE34" s="367">
        <f>IF(BG34="","",MAX(C34:D43,U34:V43,AM34:AN43)+1)</f>
        <v>8</v>
      </c>
      <c r="BF34" s="367"/>
      <c r="BG34" s="368" t="str">
        <f>IF('各会計、関係団体の財政状況及び健全化判断比率'!B33="","",'各会計、関係団体の財政状況及び健全化判断比率'!B33)</f>
        <v>下水道事業特別会計</v>
      </c>
      <c r="BH34" s="368"/>
      <c r="BI34" s="368"/>
      <c r="BJ34" s="368"/>
      <c r="BK34" s="368"/>
      <c r="BL34" s="368"/>
      <c r="BM34" s="368"/>
      <c r="BN34" s="368"/>
      <c r="BO34" s="368"/>
      <c r="BP34" s="368"/>
      <c r="BQ34" s="368"/>
      <c r="BR34" s="368"/>
      <c r="BS34" s="368"/>
      <c r="BT34" s="368"/>
      <c r="BU34" s="368"/>
      <c r="BV34" s="181"/>
      <c r="BW34" s="367">
        <f>IF(BY34="","",MAX(C34:D43,U34:V43,AM34:AN43,BE34:BF43)+1)</f>
        <v>10</v>
      </c>
      <c r="BX34" s="367"/>
      <c r="BY34" s="368" t="str">
        <f>IF('各会計、関係団体の財政状況及び健全化判断比率'!B68="","",'各会計、関係団体の財政状況及び健全化判断比率'!B68)</f>
        <v>南足柄市外五ケ市町組合</v>
      </c>
      <c r="BZ34" s="368"/>
      <c r="CA34" s="368"/>
      <c r="CB34" s="368"/>
      <c r="CC34" s="368"/>
      <c r="CD34" s="368"/>
      <c r="CE34" s="368"/>
      <c r="CF34" s="368"/>
      <c r="CG34" s="368"/>
      <c r="CH34" s="368"/>
      <c r="CI34" s="368"/>
      <c r="CJ34" s="368"/>
      <c r="CK34" s="368"/>
      <c r="CL34" s="368"/>
      <c r="CM34" s="368"/>
      <c r="CN34" s="181"/>
      <c r="CO34" s="367">
        <f>IF(CQ34="","",MAX(C34:D43,U34:V43,AM34:AN43,BE34:BF43,BW34:BX43)+1)</f>
        <v>19</v>
      </c>
      <c r="CP34" s="367"/>
      <c r="CQ34" s="368" t="str">
        <f>IF('各会計、関係団体の財政状況及び健全化判断比率'!BS7="","",'各会計、関係団体の財政状況及び健全化判断比率'!BS7)</f>
        <v>有限会社　みやまの里</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f>IF(E35="","",C34+1)</f>
        <v>2</v>
      </c>
      <c r="D35" s="367"/>
      <c r="E35" s="368" t="str">
        <f>IF('各会計、関係団体の財政状況及び健全化判断比率'!B8="","",'各会計、関係団体の財政状況及び健全化判断比率'!B8)</f>
        <v>用地取得特別会計</v>
      </c>
      <c r="F35" s="368"/>
      <c r="G35" s="368"/>
      <c r="H35" s="368"/>
      <c r="I35" s="368"/>
      <c r="J35" s="368"/>
      <c r="K35" s="368"/>
      <c r="L35" s="368"/>
      <c r="M35" s="368"/>
      <c r="N35" s="368"/>
      <c r="O35" s="368"/>
      <c r="P35" s="368"/>
      <c r="Q35" s="368"/>
      <c r="R35" s="368"/>
      <c r="S35" s="368"/>
      <c r="T35" s="181"/>
      <c r="U35" s="367">
        <f>IF(W35="","",U34+1)</f>
        <v>4</v>
      </c>
      <c r="V35" s="367"/>
      <c r="W35" s="368" t="str">
        <f>IF('各会計、関係団体の財政状況及び健全化判断比率'!B29="","",'各会計、関係団体の財政状況及び健全化判断比率'!B29)</f>
        <v>国民健康保険診療所事業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f t="shared" ref="BE35:BE43" si="1">IF(BG35="","",BE34+1)</f>
        <v>9</v>
      </c>
      <c r="BF35" s="367"/>
      <c r="BG35" s="368" t="str">
        <f>IF('各会計、関係団体の財政状況及び健全化判断比率'!B34="","",'各会計、関係団体の財政状況及び健全化判断比率'!B34)</f>
        <v>寄簡易水道事業特別会計</v>
      </c>
      <c r="BH35" s="368"/>
      <c r="BI35" s="368"/>
      <c r="BJ35" s="368"/>
      <c r="BK35" s="368"/>
      <c r="BL35" s="368"/>
      <c r="BM35" s="368"/>
      <c r="BN35" s="368"/>
      <c r="BO35" s="368"/>
      <c r="BP35" s="368"/>
      <c r="BQ35" s="368"/>
      <c r="BR35" s="368"/>
      <c r="BS35" s="368"/>
      <c r="BT35" s="368"/>
      <c r="BU35" s="368"/>
      <c r="BV35" s="181"/>
      <c r="BW35" s="367">
        <f t="shared" ref="BW35:BW43" si="2">IF(BY35="","",BW34+1)</f>
        <v>11</v>
      </c>
      <c r="BX35" s="367"/>
      <c r="BY35" s="368" t="str">
        <f>IF('各会計、関係団体の財政状況及び健全化判断比率'!B69="","",'各会計、関係団体の財政状況及び健全化判断比率'!B69)</f>
        <v>松田町外二ヶ町組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5</v>
      </c>
      <c r="V36" s="367"/>
      <c r="W36" s="368" t="str">
        <f>IF('各会計、関係団体の財政状況及び健全化判断比率'!B30="","",'各会計、関係団体の財政状況及び健全化判断比率'!B30)</f>
        <v>介護保険事業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2</v>
      </c>
      <c r="BX36" s="367"/>
      <c r="BY36" s="368" t="str">
        <f>IF('各会計、関係団体の財政状況及び健全化判断比率'!B70="","",'各会計、関係団体の財政状況及び健全化判断比率'!B70)</f>
        <v>足柄上衛生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f t="shared" si="4"/>
        <v>6</v>
      </c>
      <c r="V37" s="367"/>
      <c r="W37" s="368" t="str">
        <f>IF('各会計、関係団体の財政状況及び健全化判断比率'!B31="","",'各会計、関係団体の財政状況及び健全化判断比率'!B31)</f>
        <v>後期高齢者医療特別会計</v>
      </c>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3</v>
      </c>
      <c r="BX37" s="367"/>
      <c r="BY37" s="368" t="str">
        <f>IF('各会計、関係団体の財政状況及び健全化判断比率'!B71="","",'各会計、関係団体の財政状況及び健全化判断比率'!B71)</f>
        <v>足柄東部清掃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4</v>
      </c>
      <c r="BX38" s="367"/>
      <c r="BY38" s="368" t="str">
        <f>IF('各会計、関係団体の財政状況及び健全化判断比率'!B72="","",'各会計、関係団体の財政状況及び健全化判断比率'!B72)</f>
        <v>松田町外三ケ町組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5</v>
      </c>
      <c r="BX39" s="367"/>
      <c r="BY39" s="368" t="str">
        <f>IF('各会計、関係団体の財政状況及び健全化判断比率'!B73="","",'各会計、関係団体の財政状況及び健全化判断比率'!B73)</f>
        <v>神奈川県市町村職員退職手当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6</v>
      </c>
      <c r="BX40" s="367"/>
      <c r="BY40" s="368" t="str">
        <f>IF('各会計、関係団体の財政状況及び健全化判断比率'!B74="","",'各会計、関係団体の財政状況及び健全化判断比率'!B74)</f>
        <v>神奈川県後期高齢者医療広域連合（一般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7</v>
      </c>
      <c r="BX41" s="367"/>
      <c r="BY41" s="368" t="str">
        <f>IF('各会計、関係団体の財政状況及び健全化判断比率'!B75="","",'各会計、関係団体の財政状況及び健全化判断比率'!B75)</f>
        <v>神奈川県後期高齢者医療広域連合（特別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8</v>
      </c>
      <c r="BX42" s="367"/>
      <c r="BY42" s="368" t="str">
        <f>IF('各会計、関係団体の財政状況及び健全化判断比率'!B76="","",'各会計、関係団体の財政状況及び健全化判断比率'!B76)</f>
        <v>神奈川県町村情報システム共同事業組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4</v>
      </c>
      <c r="E46" s="364" t="s">
        <v>205</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6</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07</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08</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09</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0</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1</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2</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M5hQmEbXO2UKFhEqmHbQlmz4TIQsfVykL/N2sL+IrA1Fq2Py0v6x269IktXIArfGrXPTkF7UlztJCjbPxoWWkw==" saltValue="mAAIFcF/z2OL5nRAXfN0W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40" zoomScaleNormal="4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151" t="s">
        <v>556</v>
      </c>
      <c r="D34" s="1151"/>
      <c r="E34" s="1152"/>
      <c r="F34" s="32">
        <v>14.51</v>
      </c>
      <c r="G34" s="33">
        <v>15.24</v>
      </c>
      <c r="H34" s="33">
        <v>15.24</v>
      </c>
      <c r="I34" s="33">
        <v>14.59</v>
      </c>
      <c r="J34" s="34">
        <v>15.72</v>
      </c>
      <c r="K34" s="22"/>
      <c r="L34" s="22"/>
      <c r="M34" s="22"/>
      <c r="N34" s="22"/>
      <c r="O34" s="22"/>
      <c r="P34" s="22"/>
    </row>
    <row r="35" spans="1:16" ht="39" customHeight="1" x14ac:dyDescent="0.2">
      <c r="A35" s="22"/>
      <c r="B35" s="35"/>
      <c r="C35" s="1145" t="s">
        <v>557</v>
      </c>
      <c r="D35" s="1146"/>
      <c r="E35" s="1147"/>
      <c r="F35" s="36">
        <v>5.1100000000000003</v>
      </c>
      <c r="G35" s="37">
        <v>7.19</v>
      </c>
      <c r="H35" s="37">
        <v>12.28</v>
      </c>
      <c r="I35" s="37">
        <v>15.43</v>
      </c>
      <c r="J35" s="38">
        <v>11.98</v>
      </c>
      <c r="K35" s="22"/>
      <c r="L35" s="22"/>
      <c r="M35" s="22"/>
      <c r="N35" s="22"/>
      <c r="O35" s="22"/>
      <c r="P35" s="22"/>
    </row>
    <row r="36" spans="1:16" ht="39" customHeight="1" x14ac:dyDescent="0.2">
      <c r="A36" s="22"/>
      <c r="B36" s="35"/>
      <c r="C36" s="1145" t="s">
        <v>558</v>
      </c>
      <c r="D36" s="1146"/>
      <c r="E36" s="1147"/>
      <c r="F36" s="36">
        <v>3.08</v>
      </c>
      <c r="G36" s="37">
        <v>2.86</v>
      </c>
      <c r="H36" s="37">
        <v>2.2200000000000002</v>
      </c>
      <c r="I36" s="37">
        <v>1.57</v>
      </c>
      <c r="J36" s="38">
        <v>2.65</v>
      </c>
      <c r="K36" s="22"/>
      <c r="L36" s="22"/>
      <c r="M36" s="22"/>
      <c r="N36" s="22"/>
      <c r="O36" s="22"/>
      <c r="P36" s="22"/>
    </row>
    <row r="37" spans="1:16" ht="39" customHeight="1" x14ac:dyDescent="0.2">
      <c r="A37" s="22"/>
      <c r="B37" s="35"/>
      <c r="C37" s="1145" t="s">
        <v>559</v>
      </c>
      <c r="D37" s="1146"/>
      <c r="E37" s="1147"/>
      <c r="F37" s="36">
        <v>1.34</v>
      </c>
      <c r="G37" s="37">
        <v>2.82</v>
      </c>
      <c r="H37" s="37">
        <v>2.56</v>
      </c>
      <c r="I37" s="37">
        <v>1.82</v>
      </c>
      <c r="J37" s="38">
        <v>1.38</v>
      </c>
      <c r="K37" s="22"/>
      <c r="L37" s="22"/>
      <c r="M37" s="22"/>
      <c r="N37" s="22"/>
      <c r="O37" s="22"/>
      <c r="P37" s="22"/>
    </row>
    <row r="38" spans="1:16" ht="39" customHeight="1" x14ac:dyDescent="0.2">
      <c r="A38" s="22"/>
      <c r="B38" s="35"/>
      <c r="C38" s="1145" t="s">
        <v>560</v>
      </c>
      <c r="D38" s="1146"/>
      <c r="E38" s="1147"/>
      <c r="F38" s="36">
        <v>0.4</v>
      </c>
      <c r="G38" s="37">
        <v>0.15</v>
      </c>
      <c r="H38" s="37">
        <v>0.15</v>
      </c>
      <c r="I38" s="37">
        <v>0.16</v>
      </c>
      <c r="J38" s="38">
        <v>0.38</v>
      </c>
      <c r="K38" s="22"/>
      <c r="L38" s="22"/>
      <c r="M38" s="22"/>
      <c r="N38" s="22"/>
      <c r="O38" s="22"/>
      <c r="P38" s="22"/>
    </row>
    <row r="39" spans="1:16" ht="39" customHeight="1" x14ac:dyDescent="0.2">
      <c r="A39" s="22"/>
      <c r="B39" s="35"/>
      <c r="C39" s="1145" t="s">
        <v>561</v>
      </c>
      <c r="D39" s="1146"/>
      <c r="E39" s="1147"/>
      <c r="F39" s="36">
        <v>0.51</v>
      </c>
      <c r="G39" s="37">
        <v>0.97</v>
      </c>
      <c r="H39" s="37">
        <v>0.49</v>
      </c>
      <c r="I39" s="37">
        <v>0.57999999999999996</v>
      </c>
      <c r="J39" s="38">
        <v>0.25</v>
      </c>
      <c r="K39" s="22"/>
      <c r="L39" s="22"/>
      <c r="M39" s="22"/>
      <c r="N39" s="22"/>
      <c r="O39" s="22"/>
      <c r="P39" s="22"/>
    </row>
    <row r="40" spans="1:16" ht="39" customHeight="1" x14ac:dyDescent="0.2">
      <c r="A40" s="22"/>
      <c r="B40" s="35"/>
      <c r="C40" s="1145" t="s">
        <v>562</v>
      </c>
      <c r="D40" s="1146"/>
      <c r="E40" s="1147"/>
      <c r="F40" s="36">
        <v>0.45</v>
      </c>
      <c r="G40" s="37">
        <v>0.56000000000000005</v>
      </c>
      <c r="H40" s="37">
        <v>0.56999999999999995</v>
      </c>
      <c r="I40" s="37">
        <v>0.38</v>
      </c>
      <c r="J40" s="38">
        <v>0.17</v>
      </c>
      <c r="K40" s="22"/>
      <c r="L40" s="22"/>
      <c r="M40" s="22"/>
      <c r="N40" s="22"/>
      <c r="O40" s="22"/>
      <c r="P40" s="22"/>
    </row>
    <row r="41" spans="1:16" ht="39" customHeight="1" x14ac:dyDescent="0.2">
      <c r="A41" s="22"/>
      <c r="B41" s="35"/>
      <c r="C41" s="1145" t="s">
        <v>563</v>
      </c>
      <c r="D41" s="1146"/>
      <c r="E41" s="1147"/>
      <c r="F41" s="36">
        <v>0.16</v>
      </c>
      <c r="G41" s="37">
        <v>0.11</v>
      </c>
      <c r="H41" s="37">
        <v>0.26</v>
      </c>
      <c r="I41" s="37">
        <v>0.15</v>
      </c>
      <c r="J41" s="38">
        <v>0.06</v>
      </c>
      <c r="K41" s="22"/>
      <c r="L41" s="22"/>
      <c r="M41" s="22"/>
      <c r="N41" s="22"/>
      <c r="O41" s="22"/>
      <c r="P41" s="22"/>
    </row>
    <row r="42" spans="1:16" ht="39" customHeight="1" x14ac:dyDescent="0.2">
      <c r="A42" s="22"/>
      <c r="B42" s="39"/>
      <c r="C42" s="1145" t="s">
        <v>564</v>
      </c>
      <c r="D42" s="1146"/>
      <c r="E42" s="1147"/>
      <c r="F42" s="36" t="s">
        <v>507</v>
      </c>
      <c r="G42" s="37" t="s">
        <v>507</v>
      </c>
      <c r="H42" s="37" t="s">
        <v>507</v>
      </c>
      <c r="I42" s="37" t="s">
        <v>507</v>
      </c>
      <c r="J42" s="38" t="s">
        <v>507</v>
      </c>
      <c r="K42" s="22"/>
      <c r="L42" s="22"/>
      <c r="M42" s="22"/>
      <c r="N42" s="22"/>
      <c r="O42" s="22"/>
      <c r="P42" s="22"/>
    </row>
    <row r="43" spans="1:16" ht="39" customHeight="1" thickBot="1" x14ac:dyDescent="0.25">
      <c r="A43" s="22"/>
      <c r="B43" s="40"/>
      <c r="C43" s="1148" t="s">
        <v>565</v>
      </c>
      <c r="D43" s="1149"/>
      <c r="E43" s="1150"/>
      <c r="F43" s="41">
        <v>0</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Azg3jw3C32xrO9F+9Bd/WA2mxMwL1TKrca/f0MmH8d5tD7I59E/+Ii/E7JJN9XGDu5W0bEq3Cvnb3Uyj2Lp9OA==" saltValue="8xbu/x4jAkj3Crp0+1W23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topLeftCell="A22" zoomScale="40" zoomScaleNormal="4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176" t="s">
        <v>10</v>
      </c>
      <c r="C45" s="1177"/>
      <c r="D45" s="58"/>
      <c r="E45" s="1182" t="s">
        <v>11</v>
      </c>
      <c r="F45" s="1182"/>
      <c r="G45" s="1182"/>
      <c r="H45" s="1182"/>
      <c r="I45" s="1182"/>
      <c r="J45" s="1183"/>
      <c r="K45" s="59">
        <v>368</v>
      </c>
      <c r="L45" s="60">
        <v>350</v>
      </c>
      <c r="M45" s="60">
        <v>388</v>
      </c>
      <c r="N45" s="60">
        <v>399</v>
      </c>
      <c r="O45" s="61">
        <v>429</v>
      </c>
      <c r="P45" s="48"/>
      <c r="Q45" s="48"/>
      <c r="R45" s="48"/>
      <c r="S45" s="48"/>
      <c r="T45" s="48"/>
      <c r="U45" s="48"/>
    </row>
    <row r="46" spans="1:21" ht="30.75" customHeight="1" x14ac:dyDescent="0.2">
      <c r="A46" s="48"/>
      <c r="B46" s="1178"/>
      <c r="C46" s="1179"/>
      <c r="D46" s="62"/>
      <c r="E46" s="1155" t="s">
        <v>12</v>
      </c>
      <c r="F46" s="1155"/>
      <c r="G46" s="1155"/>
      <c r="H46" s="1155"/>
      <c r="I46" s="1155"/>
      <c r="J46" s="1156"/>
      <c r="K46" s="63" t="s">
        <v>507</v>
      </c>
      <c r="L46" s="64" t="s">
        <v>507</v>
      </c>
      <c r="M46" s="64" t="s">
        <v>507</v>
      </c>
      <c r="N46" s="64" t="s">
        <v>507</v>
      </c>
      <c r="O46" s="65" t="s">
        <v>507</v>
      </c>
      <c r="P46" s="48"/>
      <c r="Q46" s="48"/>
      <c r="R46" s="48"/>
      <c r="S46" s="48"/>
      <c r="T46" s="48"/>
      <c r="U46" s="48"/>
    </row>
    <row r="47" spans="1:21" ht="30.75" customHeight="1" x14ac:dyDescent="0.2">
      <c r="A47" s="48"/>
      <c r="B47" s="1178"/>
      <c r="C47" s="1179"/>
      <c r="D47" s="62"/>
      <c r="E47" s="1155" t="s">
        <v>13</v>
      </c>
      <c r="F47" s="1155"/>
      <c r="G47" s="1155"/>
      <c r="H47" s="1155"/>
      <c r="I47" s="1155"/>
      <c r="J47" s="1156"/>
      <c r="K47" s="63" t="s">
        <v>507</v>
      </c>
      <c r="L47" s="64" t="s">
        <v>507</v>
      </c>
      <c r="M47" s="64" t="s">
        <v>507</v>
      </c>
      <c r="N47" s="64" t="s">
        <v>507</v>
      </c>
      <c r="O47" s="65" t="s">
        <v>507</v>
      </c>
      <c r="P47" s="48"/>
      <c r="Q47" s="48"/>
      <c r="R47" s="48"/>
      <c r="S47" s="48"/>
      <c r="T47" s="48"/>
      <c r="U47" s="48"/>
    </row>
    <row r="48" spans="1:21" ht="30.75" customHeight="1" x14ac:dyDescent="0.2">
      <c r="A48" s="48"/>
      <c r="B48" s="1178"/>
      <c r="C48" s="1179"/>
      <c r="D48" s="62"/>
      <c r="E48" s="1155" t="s">
        <v>14</v>
      </c>
      <c r="F48" s="1155"/>
      <c r="G48" s="1155"/>
      <c r="H48" s="1155"/>
      <c r="I48" s="1155"/>
      <c r="J48" s="1156"/>
      <c r="K48" s="63">
        <v>120</v>
      </c>
      <c r="L48" s="64">
        <v>111</v>
      </c>
      <c r="M48" s="64">
        <v>98</v>
      </c>
      <c r="N48" s="64">
        <v>94</v>
      </c>
      <c r="O48" s="65">
        <v>92</v>
      </c>
      <c r="P48" s="48"/>
      <c r="Q48" s="48"/>
      <c r="R48" s="48"/>
      <c r="S48" s="48"/>
      <c r="T48" s="48"/>
      <c r="U48" s="48"/>
    </row>
    <row r="49" spans="1:21" ht="30.75" customHeight="1" x14ac:dyDescent="0.2">
      <c r="A49" s="48"/>
      <c r="B49" s="1178"/>
      <c r="C49" s="1179"/>
      <c r="D49" s="62"/>
      <c r="E49" s="1155" t="s">
        <v>15</v>
      </c>
      <c r="F49" s="1155"/>
      <c r="G49" s="1155"/>
      <c r="H49" s="1155"/>
      <c r="I49" s="1155"/>
      <c r="J49" s="1156"/>
      <c r="K49" s="63" t="s">
        <v>507</v>
      </c>
      <c r="L49" s="64" t="s">
        <v>507</v>
      </c>
      <c r="M49" s="64" t="s">
        <v>507</v>
      </c>
      <c r="N49" s="64" t="s">
        <v>507</v>
      </c>
      <c r="O49" s="65" t="s">
        <v>507</v>
      </c>
      <c r="P49" s="48"/>
      <c r="Q49" s="48"/>
      <c r="R49" s="48"/>
      <c r="S49" s="48"/>
      <c r="T49" s="48"/>
      <c r="U49" s="48"/>
    </row>
    <row r="50" spans="1:21" ht="30.75" customHeight="1" x14ac:dyDescent="0.2">
      <c r="A50" s="48"/>
      <c r="B50" s="1178"/>
      <c r="C50" s="1179"/>
      <c r="D50" s="62"/>
      <c r="E50" s="1155" t="s">
        <v>16</v>
      </c>
      <c r="F50" s="1155"/>
      <c r="G50" s="1155"/>
      <c r="H50" s="1155"/>
      <c r="I50" s="1155"/>
      <c r="J50" s="1156"/>
      <c r="K50" s="63">
        <v>1</v>
      </c>
      <c r="L50" s="64">
        <v>4</v>
      </c>
      <c r="M50" s="64">
        <v>4</v>
      </c>
      <c r="N50" s="64">
        <v>4</v>
      </c>
      <c r="O50" s="65">
        <v>5</v>
      </c>
      <c r="P50" s="48"/>
      <c r="Q50" s="48"/>
      <c r="R50" s="48"/>
      <c r="S50" s="48"/>
      <c r="T50" s="48"/>
      <c r="U50" s="48"/>
    </row>
    <row r="51" spans="1:21" ht="30.75" customHeight="1" x14ac:dyDescent="0.2">
      <c r="A51" s="48"/>
      <c r="B51" s="1180"/>
      <c r="C51" s="1181"/>
      <c r="D51" s="66"/>
      <c r="E51" s="1155" t="s">
        <v>17</v>
      </c>
      <c r="F51" s="1155"/>
      <c r="G51" s="1155"/>
      <c r="H51" s="1155"/>
      <c r="I51" s="1155"/>
      <c r="J51" s="1156"/>
      <c r="K51" s="63" t="s">
        <v>507</v>
      </c>
      <c r="L51" s="64" t="s">
        <v>507</v>
      </c>
      <c r="M51" s="64" t="s">
        <v>507</v>
      </c>
      <c r="N51" s="64" t="s">
        <v>507</v>
      </c>
      <c r="O51" s="65" t="s">
        <v>507</v>
      </c>
      <c r="P51" s="48"/>
      <c r="Q51" s="48"/>
      <c r="R51" s="48"/>
      <c r="S51" s="48"/>
      <c r="T51" s="48"/>
      <c r="U51" s="48"/>
    </row>
    <row r="52" spans="1:21" ht="30.75" customHeight="1" x14ac:dyDescent="0.2">
      <c r="A52" s="48"/>
      <c r="B52" s="1153" t="s">
        <v>18</v>
      </c>
      <c r="C52" s="1154"/>
      <c r="D52" s="66"/>
      <c r="E52" s="1155" t="s">
        <v>19</v>
      </c>
      <c r="F52" s="1155"/>
      <c r="G52" s="1155"/>
      <c r="H52" s="1155"/>
      <c r="I52" s="1155"/>
      <c r="J52" s="1156"/>
      <c r="K52" s="63">
        <v>355</v>
      </c>
      <c r="L52" s="64">
        <v>331</v>
      </c>
      <c r="M52" s="64">
        <v>329</v>
      </c>
      <c r="N52" s="64">
        <v>327</v>
      </c>
      <c r="O52" s="65">
        <v>335</v>
      </c>
      <c r="P52" s="48"/>
      <c r="Q52" s="48"/>
      <c r="R52" s="48"/>
      <c r="S52" s="48"/>
      <c r="T52" s="48"/>
      <c r="U52" s="48"/>
    </row>
    <row r="53" spans="1:21" ht="30.75" customHeight="1" thickBot="1" x14ac:dyDescent="0.25">
      <c r="A53" s="48"/>
      <c r="B53" s="1157" t="s">
        <v>20</v>
      </c>
      <c r="C53" s="1158"/>
      <c r="D53" s="67"/>
      <c r="E53" s="1159" t="s">
        <v>21</v>
      </c>
      <c r="F53" s="1159"/>
      <c r="G53" s="1159"/>
      <c r="H53" s="1159"/>
      <c r="I53" s="1159"/>
      <c r="J53" s="1160"/>
      <c r="K53" s="68">
        <v>134</v>
      </c>
      <c r="L53" s="69">
        <v>134</v>
      </c>
      <c r="M53" s="69">
        <v>161</v>
      </c>
      <c r="N53" s="69">
        <v>170</v>
      </c>
      <c r="O53" s="70">
        <v>191</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66</v>
      </c>
      <c r="P56" s="48"/>
      <c r="Q56" s="48"/>
      <c r="R56" s="48"/>
      <c r="S56" s="48"/>
      <c r="T56" s="48"/>
      <c r="U56" s="48"/>
    </row>
    <row r="57" spans="1:21" ht="31.5" customHeight="1" thickBot="1" x14ac:dyDescent="0.25">
      <c r="A57" s="48"/>
      <c r="B57" s="76"/>
      <c r="C57" s="77"/>
      <c r="D57" s="77"/>
      <c r="E57" s="78"/>
      <c r="F57" s="78"/>
      <c r="G57" s="78"/>
      <c r="H57" s="78"/>
      <c r="I57" s="78"/>
      <c r="J57" s="79" t="s">
        <v>2</v>
      </c>
      <c r="K57" s="80" t="s">
        <v>567</v>
      </c>
      <c r="L57" s="81" t="s">
        <v>568</v>
      </c>
      <c r="M57" s="81" t="s">
        <v>569</v>
      </c>
      <c r="N57" s="81" t="s">
        <v>570</v>
      </c>
      <c r="O57" s="82" t="s">
        <v>571</v>
      </c>
      <c r="P57" s="48"/>
      <c r="Q57" s="48"/>
      <c r="R57" s="48"/>
      <c r="S57" s="48"/>
      <c r="T57" s="48"/>
      <c r="U57" s="48"/>
    </row>
    <row r="58" spans="1:21" ht="31.5" customHeight="1" x14ac:dyDescent="0.2">
      <c r="B58" s="1161" t="s">
        <v>25</v>
      </c>
      <c r="C58" s="1162"/>
      <c r="D58" s="1167" t="s">
        <v>26</v>
      </c>
      <c r="E58" s="1168"/>
      <c r="F58" s="1168"/>
      <c r="G58" s="1168"/>
      <c r="H58" s="1168"/>
      <c r="I58" s="1168"/>
      <c r="J58" s="1169"/>
      <c r="K58" s="83"/>
      <c r="L58" s="84"/>
      <c r="M58" s="84"/>
      <c r="N58" s="84"/>
      <c r="O58" s="85"/>
    </row>
    <row r="59" spans="1:21" ht="31.5" customHeight="1" x14ac:dyDescent="0.2">
      <c r="B59" s="1163"/>
      <c r="C59" s="1164"/>
      <c r="D59" s="1170" t="s">
        <v>27</v>
      </c>
      <c r="E59" s="1171"/>
      <c r="F59" s="1171"/>
      <c r="G59" s="1171"/>
      <c r="H59" s="1171"/>
      <c r="I59" s="1171"/>
      <c r="J59" s="1172"/>
      <c r="K59" s="86"/>
      <c r="L59" s="87"/>
      <c r="M59" s="87"/>
      <c r="N59" s="87"/>
      <c r="O59" s="88"/>
    </row>
    <row r="60" spans="1:21" ht="31.5" customHeight="1" thickBot="1" x14ac:dyDescent="0.25">
      <c r="B60" s="1165"/>
      <c r="C60" s="1166"/>
      <c r="D60" s="1173" t="s">
        <v>28</v>
      </c>
      <c r="E60" s="1174"/>
      <c r="F60" s="1174"/>
      <c r="G60" s="1174"/>
      <c r="H60" s="1174"/>
      <c r="I60" s="1174"/>
      <c r="J60" s="1175"/>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FpcXzdy8Uk16YGBOHWJJ3A+qCoj8hl28nMIdHysX59am7Xuy4K+yoNCEs/lzjsI7YvSRWAAB+lvIacmc5pc7kw==" saltValue="fN2rcvWA2K14rFNRTu9YZ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40" zoomScaleNormal="4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49</v>
      </c>
      <c r="J40" s="103" t="s">
        <v>550</v>
      </c>
      <c r="K40" s="103" t="s">
        <v>551</v>
      </c>
      <c r="L40" s="103" t="s">
        <v>552</v>
      </c>
      <c r="M40" s="104" t="s">
        <v>553</v>
      </c>
    </row>
    <row r="41" spans="2:13" ht="27.75" customHeight="1" x14ac:dyDescent="0.2">
      <c r="B41" s="1196" t="s">
        <v>31</v>
      </c>
      <c r="C41" s="1197"/>
      <c r="D41" s="105"/>
      <c r="E41" s="1198" t="s">
        <v>32</v>
      </c>
      <c r="F41" s="1198"/>
      <c r="G41" s="1198"/>
      <c r="H41" s="1199"/>
      <c r="I41" s="355">
        <v>4285</v>
      </c>
      <c r="J41" s="356">
        <v>4456</v>
      </c>
      <c r="K41" s="356">
        <v>4790</v>
      </c>
      <c r="L41" s="356">
        <v>5631</v>
      </c>
      <c r="M41" s="357">
        <v>5604</v>
      </c>
    </row>
    <row r="42" spans="2:13" ht="27.75" customHeight="1" x14ac:dyDescent="0.2">
      <c r="B42" s="1186"/>
      <c r="C42" s="1187"/>
      <c r="D42" s="106"/>
      <c r="E42" s="1190" t="s">
        <v>33</v>
      </c>
      <c r="F42" s="1190"/>
      <c r="G42" s="1190"/>
      <c r="H42" s="1191"/>
      <c r="I42" s="358">
        <v>144</v>
      </c>
      <c r="J42" s="359">
        <v>139</v>
      </c>
      <c r="K42" s="359">
        <v>135</v>
      </c>
      <c r="L42" s="359">
        <v>131</v>
      </c>
      <c r="M42" s="360">
        <v>126</v>
      </c>
    </row>
    <row r="43" spans="2:13" ht="27.75" customHeight="1" x14ac:dyDescent="0.2">
      <c r="B43" s="1186"/>
      <c r="C43" s="1187"/>
      <c r="D43" s="106"/>
      <c r="E43" s="1190" t="s">
        <v>34</v>
      </c>
      <c r="F43" s="1190"/>
      <c r="G43" s="1190"/>
      <c r="H43" s="1191"/>
      <c r="I43" s="358">
        <v>1002</v>
      </c>
      <c r="J43" s="359">
        <v>889</v>
      </c>
      <c r="K43" s="359">
        <v>916</v>
      </c>
      <c r="L43" s="359">
        <v>859</v>
      </c>
      <c r="M43" s="360">
        <v>785</v>
      </c>
    </row>
    <row r="44" spans="2:13" ht="27.75" customHeight="1" x14ac:dyDescent="0.2">
      <c r="B44" s="1186"/>
      <c r="C44" s="1187"/>
      <c r="D44" s="106"/>
      <c r="E44" s="1190" t="s">
        <v>35</v>
      </c>
      <c r="F44" s="1190"/>
      <c r="G44" s="1190"/>
      <c r="H44" s="1191"/>
      <c r="I44" s="358" t="s">
        <v>507</v>
      </c>
      <c r="J44" s="359" t="s">
        <v>507</v>
      </c>
      <c r="K44" s="359" t="s">
        <v>507</v>
      </c>
      <c r="L44" s="359" t="s">
        <v>507</v>
      </c>
      <c r="M44" s="360" t="s">
        <v>507</v>
      </c>
    </row>
    <row r="45" spans="2:13" ht="27.75" customHeight="1" x14ac:dyDescent="0.2">
      <c r="B45" s="1186"/>
      <c r="C45" s="1187"/>
      <c r="D45" s="106"/>
      <c r="E45" s="1190" t="s">
        <v>36</v>
      </c>
      <c r="F45" s="1190"/>
      <c r="G45" s="1190"/>
      <c r="H45" s="1191"/>
      <c r="I45" s="358">
        <v>1012</v>
      </c>
      <c r="J45" s="359">
        <v>1064</v>
      </c>
      <c r="K45" s="359">
        <v>974</v>
      </c>
      <c r="L45" s="359">
        <v>893</v>
      </c>
      <c r="M45" s="360">
        <v>856</v>
      </c>
    </row>
    <row r="46" spans="2:13" ht="27.75" customHeight="1" x14ac:dyDescent="0.2">
      <c r="B46" s="1186"/>
      <c r="C46" s="1187"/>
      <c r="D46" s="107"/>
      <c r="E46" s="1190" t="s">
        <v>37</v>
      </c>
      <c r="F46" s="1190"/>
      <c r="G46" s="1190"/>
      <c r="H46" s="1191"/>
      <c r="I46" s="358" t="s">
        <v>507</v>
      </c>
      <c r="J46" s="359" t="s">
        <v>507</v>
      </c>
      <c r="K46" s="359" t="s">
        <v>507</v>
      </c>
      <c r="L46" s="359" t="s">
        <v>507</v>
      </c>
      <c r="M46" s="360" t="s">
        <v>507</v>
      </c>
    </row>
    <row r="47" spans="2:13" ht="27.75" customHeight="1" x14ac:dyDescent="0.2">
      <c r="B47" s="1186"/>
      <c r="C47" s="1187"/>
      <c r="D47" s="108"/>
      <c r="E47" s="1200" t="s">
        <v>38</v>
      </c>
      <c r="F47" s="1201"/>
      <c r="G47" s="1201"/>
      <c r="H47" s="1202"/>
      <c r="I47" s="358" t="s">
        <v>507</v>
      </c>
      <c r="J47" s="359" t="s">
        <v>507</v>
      </c>
      <c r="K47" s="359" t="s">
        <v>507</v>
      </c>
      <c r="L47" s="359" t="s">
        <v>507</v>
      </c>
      <c r="M47" s="360" t="s">
        <v>507</v>
      </c>
    </row>
    <row r="48" spans="2:13" ht="27.75" customHeight="1" x14ac:dyDescent="0.2">
      <c r="B48" s="1186"/>
      <c r="C48" s="1187"/>
      <c r="D48" s="106"/>
      <c r="E48" s="1190" t="s">
        <v>39</v>
      </c>
      <c r="F48" s="1190"/>
      <c r="G48" s="1190"/>
      <c r="H48" s="1191"/>
      <c r="I48" s="358" t="s">
        <v>507</v>
      </c>
      <c r="J48" s="359" t="s">
        <v>507</v>
      </c>
      <c r="K48" s="359" t="s">
        <v>507</v>
      </c>
      <c r="L48" s="359" t="s">
        <v>507</v>
      </c>
      <c r="M48" s="360" t="s">
        <v>507</v>
      </c>
    </row>
    <row r="49" spans="2:13" ht="27.75" customHeight="1" x14ac:dyDescent="0.2">
      <c r="B49" s="1188"/>
      <c r="C49" s="1189"/>
      <c r="D49" s="106"/>
      <c r="E49" s="1190" t="s">
        <v>40</v>
      </c>
      <c r="F49" s="1190"/>
      <c r="G49" s="1190"/>
      <c r="H49" s="1191"/>
      <c r="I49" s="358" t="s">
        <v>507</v>
      </c>
      <c r="J49" s="359" t="s">
        <v>507</v>
      </c>
      <c r="K49" s="359" t="s">
        <v>507</v>
      </c>
      <c r="L49" s="359" t="s">
        <v>507</v>
      </c>
      <c r="M49" s="360" t="s">
        <v>507</v>
      </c>
    </row>
    <row r="50" spans="2:13" ht="27.75" customHeight="1" x14ac:dyDescent="0.2">
      <c r="B50" s="1184" t="s">
        <v>41</v>
      </c>
      <c r="C50" s="1185"/>
      <c r="D50" s="109"/>
      <c r="E50" s="1190" t="s">
        <v>42</v>
      </c>
      <c r="F50" s="1190"/>
      <c r="G50" s="1190"/>
      <c r="H50" s="1191"/>
      <c r="I50" s="358">
        <v>993</v>
      </c>
      <c r="J50" s="359">
        <v>1044</v>
      </c>
      <c r="K50" s="359">
        <v>1518</v>
      </c>
      <c r="L50" s="359">
        <v>2140</v>
      </c>
      <c r="M50" s="360">
        <v>2561</v>
      </c>
    </row>
    <row r="51" spans="2:13" ht="27.75" customHeight="1" x14ac:dyDescent="0.2">
      <c r="B51" s="1186"/>
      <c r="C51" s="1187"/>
      <c r="D51" s="106"/>
      <c r="E51" s="1190" t="s">
        <v>43</v>
      </c>
      <c r="F51" s="1190"/>
      <c r="G51" s="1190"/>
      <c r="H51" s="1191"/>
      <c r="I51" s="358" t="s">
        <v>507</v>
      </c>
      <c r="J51" s="359" t="s">
        <v>507</v>
      </c>
      <c r="K51" s="359" t="s">
        <v>507</v>
      </c>
      <c r="L51" s="359" t="s">
        <v>507</v>
      </c>
      <c r="M51" s="360" t="s">
        <v>507</v>
      </c>
    </row>
    <row r="52" spans="2:13" ht="27.75" customHeight="1" x14ac:dyDescent="0.2">
      <c r="B52" s="1188"/>
      <c r="C52" s="1189"/>
      <c r="D52" s="106"/>
      <c r="E52" s="1190" t="s">
        <v>44</v>
      </c>
      <c r="F52" s="1190"/>
      <c r="G52" s="1190"/>
      <c r="H52" s="1191"/>
      <c r="I52" s="358">
        <v>3873</v>
      </c>
      <c r="J52" s="359">
        <v>3848</v>
      </c>
      <c r="K52" s="359">
        <v>3968</v>
      </c>
      <c r="L52" s="359">
        <v>4373</v>
      </c>
      <c r="M52" s="360">
        <v>4341</v>
      </c>
    </row>
    <row r="53" spans="2:13" ht="27.75" customHeight="1" thickBot="1" x14ac:dyDescent="0.25">
      <c r="B53" s="1192" t="s">
        <v>45</v>
      </c>
      <c r="C53" s="1193"/>
      <c r="D53" s="110"/>
      <c r="E53" s="1194" t="s">
        <v>46</v>
      </c>
      <c r="F53" s="1194"/>
      <c r="G53" s="1194"/>
      <c r="H53" s="1195"/>
      <c r="I53" s="361">
        <v>1577</v>
      </c>
      <c r="J53" s="362">
        <v>1656</v>
      </c>
      <c r="K53" s="362">
        <v>1329</v>
      </c>
      <c r="L53" s="362">
        <v>1001</v>
      </c>
      <c r="M53" s="363">
        <v>469</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4Ps9dk7A2RvGCrUNA9jPEH9ixNn2/PQ01MmaRvMfI/loJt9HpyBhZLJke9Zk06NQQk9Zgg8rJaut7QVsRZPfiw==" saltValue="PG77q2J2VLmbpDhKnq+7O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25" zoomScaleNormal="25" zoomScaleSheetLayoutView="100" workbookViewId="0">
      <selection activeCell="C60" sqref="C60:E60"/>
    </sheetView>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51</v>
      </c>
      <c r="G54" s="119" t="s">
        <v>552</v>
      </c>
      <c r="H54" s="120" t="s">
        <v>553</v>
      </c>
    </row>
    <row r="55" spans="2:8" ht="52.5" customHeight="1" x14ac:dyDescent="0.2">
      <c r="B55" s="121"/>
      <c r="C55" s="1211" t="s">
        <v>49</v>
      </c>
      <c r="D55" s="1211"/>
      <c r="E55" s="1212"/>
      <c r="F55" s="122">
        <v>741</v>
      </c>
      <c r="G55" s="122">
        <v>1196</v>
      </c>
      <c r="H55" s="123">
        <v>1496</v>
      </c>
    </row>
    <row r="56" spans="2:8" ht="52.5" customHeight="1" x14ac:dyDescent="0.2">
      <c r="B56" s="124"/>
      <c r="C56" s="1213" t="s">
        <v>50</v>
      </c>
      <c r="D56" s="1213"/>
      <c r="E56" s="1214"/>
      <c r="F56" s="125">
        <v>1</v>
      </c>
      <c r="G56" s="125">
        <v>1</v>
      </c>
      <c r="H56" s="126">
        <v>1</v>
      </c>
    </row>
    <row r="57" spans="2:8" ht="53.25" customHeight="1" x14ac:dyDescent="0.2">
      <c r="B57" s="124"/>
      <c r="C57" s="1215" t="s">
        <v>51</v>
      </c>
      <c r="D57" s="1215"/>
      <c r="E57" s="1216"/>
      <c r="F57" s="127">
        <v>290</v>
      </c>
      <c r="G57" s="127">
        <v>397</v>
      </c>
      <c r="H57" s="128">
        <v>498</v>
      </c>
    </row>
    <row r="58" spans="2:8" ht="45.75" customHeight="1" x14ac:dyDescent="0.2">
      <c r="B58" s="129"/>
      <c r="C58" s="1203" t="s">
        <v>582</v>
      </c>
      <c r="D58" s="1204"/>
      <c r="E58" s="1205"/>
      <c r="F58" s="130">
        <v>60</v>
      </c>
      <c r="G58" s="130">
        <v>90</v>
      </c>
      <c r="H58" s="131">
        <v>180</v>
      </c>
    </row>
    <row r="59" spans="2:8" ht="45.75" customHeight="1" x14ac:dyDescent="0.2">
      <c r="B59" s="129"/>
      <c r="C59" s="1203" t="s">
        <v>583</v>
      </c>
      <c r="D59" s="1204"/>
      <c r="E59" s="1205"/>
      <c r="F59" s="130" t="s">
        <v>587</v>
      </c>
      <c r="G59" s="130" t="s">
        <v>587</v>
      </c>
      <c r="H59" s="131">
        <v>160</v>
      </c>
    </row>
    <row r="60" spans="2:8" ht="45.75" customHeight="1" x14ac:dyDescent="0.2">
      <c r="B60" s="129"/>
      <c r="C60" s="1203" t="s">
        <v>584</v>
      </c>
      <c r="D60" s="1204"/>
      <c r="E60" s="1205"/>
      <c r="F60" s="130">
        <v>191</v>
      </c>
      <c r="G60" s="130">
        <v>263</v>
      </c>
      <c r="H60" s="131">
        <v>104</v>
      </c>
    </row>
    <row r="61" spans="2:8" ht="45.75" customHeight="1" x14ac:dyDescent="0.2">
      <c r="B61" s="129"/>
      <c r="C61" s="1203" t="s">
        <v>585</v>
      </c>
      <c r="D61" s="1204"/>
      <c r="E61" s="1205"/>
      <c r="F61" s="130">
        <v>5</v>
      </c>
      <c r="G61" s="130">
        <v>10</v>
      </c>
      <c r="H61" s="131">
        <v>15</v>
      </c>
    </row>
    <row r="62" spans="2:8" ht="45.75" customHeight="1" thickBot="1" x14ac:dyDescent="0.25">
      <c r="B62" s="132"/>
      <c r="C62" s="1206" t="s">
        <v>586</v>
      </c>
      <c r="D62" s="1207"/>
      <c r="E62" s="1208"/>
      <c r="F62" s="133">
        <v>16</v>
      </c>
      <c r="G62" s="133">
        <v>14</v>
      </c>
      <c r="H62" s="134">
        <v>14</v>
      </c>
    </row>
    <row r="63" spans="2:8" ht="52.5" customHeight="1" thickBot="1" x14ac:dyDescent="0.25">
      <c r="B63" s="135"/>
      <c r="C63" s="1209" t="s">
        <v>52</v>
      </c>
      <c r="D63" s="1209"/>
      <c r="E63" s="1210"/>
      <c r="F63" s="136">
        <v>1032</v>
      </c>
      <c r="G63" s="136">
        <v>1594</v>
      </c>
      <c r="H63" s="137">
        <v>1994</v>
      </c>
    </row>
    <row r="64" spans="2:8" ht="13.2" x14ac:dyDescent="0.2"/>
  </sheetData>
  <sheetProtection algorithmName="SHA-512" hashValue="6z6QANtcmlWPXn45wqpXLLD2GhExAdHnSyyahzE6LcNl/6DVQR/Z6R7gFgrHlradHQbPSruBoNp41JJy+/jASA==" saltValue="VI2LMw/Hy3JJ9nTv2vEzT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46</v>
      </c>
      <c r="G2" s="151"/>
      <c r="H2" s="152"/>
    </row>
    <row r="3" spans="1:8" x14ac:dyDescent="0.2">
      <c r="A3" s="148" t="s">
        <v>539</v>
      </c>
      <c r="B3" s="153"/>
      <c r="C3" s="154"/>
      <c r="D3" s="155">
        <v>87056</v>
      </c>
      <c r="E3" s="156"/>
      <c r="F3" s="157">
        <v>88328</v>
      </c>
      <c r="G3" s="158"/>
      <c r="H3" s="159"/>
    </row>
    <row r="4" spans="1:8" x14ac:dyDescent="0.2">
      <c r="A4" s="160"/>
      <c r="B4" s="161"/>
      <c r="C4" s="162"/>
      <c r="D4" s="163">
        <v>13446</v>
      </c>
      <c r="E4" s="164"/>
      <c r="F4" s="165">
        <v>49013</v>
      </c>
      <c r="G4" s="166"/>
      <c r="H4" s="167"/>
    </row>
    <row r="5" spans="1:8" x14ac:dyDescent="0.2">
      <c r="A5" s="148" t="s">
        <v>541</v>
      </c>
      <c r="B5" s="153"/>
      <c r="C5" s="154"/>
      <c r="D5" s="155">
        <v>56834</v>
      </c>
      <c r="E5" s="156"/>
      <c r="F5" s="157">
        <v>103390</v>
      </c>
      <c r="G5" s="158"/>
      <c r="H5" s="159"/>
    </row>
    <row r="6" spans="1:8" x14ac:dyDescent="0.2">
      <c r="A6" s="160"/>
      <c r="B6" s="161"/>
      <c r="C6" s="162"/>
      <c r="D6" s="163">
        <v>30356</v>
      </c>
      <c r="E6" s="164"/>
      <c r="F6" s="165">
        <v>51269</v>
      </c>
      <c r="G6" s="166"/>
      <c r="H6" s="167"/>
    </row>
    <row r="7" spans="1:8" x14ac:dyDescent="0.2">
      <c r="A7" s="148" t="s">
        <v>542</v>
      </c>
      <c r="B7" s="153"/>
      <c r="C7" s="154"/>
      <c r="D7" s="155">
        <v>103749</v>
      </c>
      <c r="E7" s="156"/>
      <c r="F7" s="157">
        <v>117234</v>
      </c>
      <c r="G7" s="158"/>
      <c r="H7" s="159"/>
    </row>
    <row r="8" spans="1:8" x14ac:dyDescent="0.2">
      <c r="A8" s="160"/>
      <c r="B8" s="161"/>
      <c r="C8" s="162"/>
      <c r="D8" s="163">
        <v>29134</v>
      </c>
      <c r="E8" s="164"/>
      <c r="F8" s="165">
        <v>59796</v>
      </c>
      <c r="G8" s="166"/>
      <c r="H8" s="167"/>
    </row>
    <row r="9" spans="1:8" x14ac:dyDescent="0.2">
      <c r="A9" s="148" t="s">
        <v>543</v>
      </c>
      <c r="B9" s="153"/>
      <c r="C9" s="154"/>
      <c r="D9" s="155">
        <v>199599</v>
      </c>
      <c r="E9" s="156"/>
      <c r="F9" s="157">
        <v>97758</v>
      </c>
      <c r="G9" s="158"/>
      <c r="H9" s="159"/>
    </row>
    <row r="10" spans="1:8" x14ac:dyDescent="0.2">
      <c r="A10" s="160"/>
      <c r="B10" s="161"/>
      <c r="C10" s="162"/>
      <c r="D10" s="163">
        <v>6728</v>
      </c>
      <c r="E10" s="164"/>
      <c r="F10" s="165">
        <v>45946</v>
      </c>
      <c r="G10" s="166"/>
      <c r="H10" s="167"/>
    </row>
    <row r="11" spans="1:8" x14ac:dyDescent="0.2">
      <c r="A11" s="148" t="s">
        <v>544</v>
      </c>
      <c r="B11" s="153"/>
      <c r="C11" s="154"/>
      <c r="D11" s="155">
        <v>76521</v>
      </c>
      <c r="E11" s="156"/>
      <c r="F11" s="157">
        <v>91338</v>
      </c>
      <c r="G11" s="158"/>
      <c r="H11" s="159"/>
    </row>
    <row r="12" spans="1:8" x14ac:dyDescent="0.2">
      <c r="A12" s="160"/>
      <c r="B12" s="161"/>
      <c r="C12" s="168"/>
      <c r="D12" s="163">
        <v>14811</v>
      </c>
      <c r="E12" s="164"/>
      <c r="F12" s="165">
        <v>43989</v>
      </c>
      <c r="G12" s="166"/>
      <c r="H12" s="167"/>
    </row>
    <row r="13" spans="1:8" x14ac:dyDescent="0.2">
      <c r="A13" s="148"/>
      <c r="B13" s="153"/>
      <c r="C13" s="169"/>
      <c r="D13" s="170">
        <v>104752</v>
      </c>
      <c r="E13" s="171"/>
      <c r="F13" s="172">
        <v>99610</v>
      </c>
      <c r="G13" s="173"/>
      <c r="H13" s="159"/>
    </row>
    <row r="14" spans="1:8" x14ac:dyDescent="0.2">
      <c r="A14" s="160"/>
      <c r="B14" s="161"/>
      <c r="C14" s="162"/>
      <c r="D14" s="163">
        <v>18895</v>
      </c>
      <c r="E14" s="164"/>
      <c r="F14" s="165">
        <v>50003</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5.12</v>
      </c>
      <c r="C19" s="174">
        <f>ROUND(VALUE(SUBSTITUTE(実質収支比率等に係る経年分析!G$48,"▲","-")),2)</f>
        <v>7.2</v>
      </c>
      <c r="D19" s="174">
        <f>ROUND(VALUE(SUBSTITUTE(実質収支比率等に係る経年分析!H$48,"▲","-")),2)</f>
        <v>12.28</v>
      </c>
      <c r="E19" s="174">
        <f>ROUND(VALUE(SUBSTITUTE(実質収支比率等に係る経年分析!I$48,"▲","-")),2)</f>
        <v>15.44</v>
      </c>
      <c r="F19" s="174">
        <f>ROUND(VALUE(SUBSTITUTE(実質収支比率等に係る経年分析!J$48,"▲","-")),2)</f>
        <v>11.99</v>
      </c>
    </row>
    <row r="20" spans="1:11" x14ac:dyDescent="0.2">
      <c r="A20" s="174" t="s">
        <v>56</v>
      </c>
      <c r="B20" s="174">
        <f>ROUND(VALUE(SUBSTITUTE(実質収支比率等に係る経年分析!F$47,"▲","-")),2)</f>
        <v>12.21</v>
      </c>
      <c r="C20" s="174">
        <f>ROUND(VALUE(SUBSTITUTE(実質収支比率等に係る経年分析!G$47,"▲","-")),2)</f>
        <v>12.38</v>
      </c>
      <c r="D20" s="174">
        <f>ROUND(VALUE(SUBSTITUTE(実質収支比率等に係る経年分析!H$47,"▲","-")),2)</f>
        <v>24.49</v>
      </c>
      <c r="E20" s="174">
        <f>ROUND(VALUE(SUBSTITUTE(実質収支比率等に係る経年分析!I$47,"▲","-")),2)</f>
        <v>36.56</v>
      </c>
      <c r="F20" s="174">
        <f>ROUND(VALUE(SUBSTITUTE(実質収支比率等に係る経年分析!J$47,"▲","-")),2)</f>
        <v>46.56</v>
      </c>
    </row>
    <row r="21" spans="1:11" x14ac:dyDescent="0.2">
      <c r="A21" s="174" t="s">
        <v>57</v>
      </c>
      <c r="B21" s="174">
        <f>IF(ISNUMBER(VALUE(SUBSTITUTE(実質収支比率等に係る経年分析!F$49,"▲","-"))),ROUND(VALUE(SUBSTITUTE(実質収支比率等に係る経年分析!F$49,"▲","-")),2),NA())</f>
        <v>-4.9800000000000004</v>
      </c>
      <c r="C21" s="174">
        <f>IF(ISNUMBER(VALUE(SUBSTITUTE(実質収支比率等に係る経年分析!G$49,"▲","-"))),ROUND(VALUE(SUBSTITUTE(実質収支比率等に係る経年分析!G$49,"▲","-")),2),NA())</f>
        <v>2.0099999999999998</v>
      </c>
      <c r="D21" s="174">
        <f>IF(ISNUMBER(VALUE(SUBSTITUTE(実質収支比率等に係る経年分析!H$49,"▲","-"))),ROUND(VALUE(SUBSTITUTE(実質収支比率等に係る経年分析!H$49,"▲","-")),2),NA())</f>
        <v>18.22</v>
      </c>
      <c r="E21" s="174">
        <f>IF(ISNUMBER(VALUE(SUBSTITUTE(実質収支比率等に係る経年分析!I$49,"▲","-"))),ROUND(VALUE(SUBSTITUTE(実質収支比率等に係る経年分析!I$49,"▲","-")),2),NA())</f>
        <v>10.96</v>
      </c>
      <c r="F21" s="174">
        <f>IF(ISNUMBER(VALUE(SUBSTITUTE(実質収支比率等に係る経年分析!J$49,"▲","-"))),ROUND(VALUE(SUBSTITUTE(実質収支比率等に係る経年分析!J$49,"▲","-")),2),NA())</f>
        <v>-0.62</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寄簡易水道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6</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11</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26</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15</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06</v>
      </c>
    </row>
    <row r="30" spans="1:11" x14ac:dyDescent="0.2">
      <c r="A30" s="175" t="str">
        <f>IF(連結実質赤字比率に係る赤字・黒字の構成分析!C$40="",NA(),連結実質赤字比率に係る赤字・黒字の構成分析!C$40)</f>
        <v>国民健康保険診療所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45</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56000000000000005</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56999999999999995</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38</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17</v>
      </c>
    </row>
    <row r="31" spans="1:11" x14ac:dyDescent="0.2">
      <c r="A31" s="175" t="str">
        <f>IF(連結実質赤字比率に係る赤字・黒字の構成分析!C$39="",NA(),連結実質赤字比率に係る赤字・黒字の構成分析!C$39)</f>
        <v>下水道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51</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97</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4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799999999999999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25</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6</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8</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34</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2.8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2.5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82</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38</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3.0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8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2200000000000002</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57</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65</v>
      </c>
    </row>
    <row r="35" spans="1:16" x14ac:dyDescent="0.2">
      <c r="A35" s="175" t="str">
        <f>IF(連結実質赤字比率に係る赤字・黒字の構成分析!C$35="",NA(),連結実質赤字比率に係る赤字・黒字の構成分析!C$35)</f>
        <v>一般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5.1100000000000003</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7.1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2.2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5.43</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1.98</v>
      </c>
    </row>
    <row r="36" spans="1:16" x14ac:dyDescent="0.2">
      <c r="A36" s="175" t="str">
        <f>IF(連結実質赤字比率に係る赤字・黒字の構成分析!C$34="",NA(),連結実質赤字比率に係る赤字・黒字の構成分析!C$34)</f>
        <v>上水道事業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4.51</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5.2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5.2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4.59</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5.72</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355</v>
      </c>
      <c r="E42" s="176"/>
      <c r="F42" s="176"/>
      <c r="G42" s="176">
        <f>'実質公債費比率（分子）の構造'!L$52</f>
        <v>331</v>
      </c>
      <c r="H42" s="176"/>
      <c r="I42" s="176"/>
      <c r="J42" s="176">
        <f>'実質公債費比率（分子）の構造'!M$52</f>
        <v>329</v>
      </c>
      <c r="K42" s="176"/>
      <c r="L42" s="176"/>
      <c r="M42" s="176">
        <f>'実質公債費比率（分子）の構造'!N$52</f>
        <v>327</v>
      </c>
      <c r="N42" s="176"/>
      <c r="O42" s="176"/>
      <c r="P42" s="176">
        <f>'実質公債費比率（分子）の構造'!O$52</f>
        <v>335</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1</v>
      </c>
      <c r="C44" s="176"/>
      <c r="D44" s="176"/>
      <c r="E44" s="176">
        <f>'実質公債費比率（分子）の構造'!L$50</f>
        <v>4</v>
      </c>
      <c r="F44" s="176"/>
      <c r="G44" s="176"/>
      <c r="H44" s="176">
        <f>'実質公債費比率（分子）の構造'!M$50</f>
        <v>4</v>
      </c>
      <c r="I44" s="176"/>
      <c r="J44" s="176"/>
      <c r="K44" s="176">
        <f>'実質公債費比率（分子）の構造'!N$50</f>
        <v>4</v>
      </c>
      <c r="L44" s="176"/>
      <c r="M44" s="176"/>
      <c r="N44" s="176">
        <f>'実質公債費比率（分子）の構造'!O$50</f>
        <v>5</v>
      </c>
      <c r="O44" s="176"/>
      <c r="P44" s="176"/>
    </row>
    <row r="45" spans="1:16" x14ac:dyDescent="0.2">
      <c r="A45" s="176" t="s">
        <v>67</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2">
      <c r="A46" s="176" t="s">
        <v>68</v>
      </c>
      <c r="B46" s="176">
        <f>'実質公債費比率（分子）の構造'!K$48</f>
        <v>120</v>
      </c>
      <c r="C46" s="176"/>
      <c r="D46" s="176"/>
      <c r="E46" s="176">
        <f>'実質公債費比率（分子）の構造'!L$48</f>
        <v>111</v>
      </c>
      <c r="F46" s="176"/>
      <c r="G46" s="176"/>
      <c r="H46" s="176">
        <f>'実質公債費比率（分子）の構造'!M$48</f>
        <v>98</v>
      </c>
      <c r="I46" s="176"/>
      <c r="J46" s="176"/>
      <c r="K46" s="176">
        <f>'実質公債費比率（分子）の構造'!N$48</f>
        <v>94</v>
      </c>
      <c r="L46" s="176"/>
      <c r="M46" s="176"/>
      <c r="N46" s="176">
        <f>'実質公債費比率（分子）の構造'!O$48</f>
        <v>92</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368</v>
      </c>
      <c r="C49" s="176"/>
      <c r="D49" s="176"/>
      <c r="E49" s="176">
        <f>'実質公債費比率（分子）の構造'!L$45</f>
        <v>350</v>
      </c>
      <c r="F49" s="176"/>
      <c r="G49" s="176"/>
      <c r="H49" s="176">
        <f>'実質公債費比率（分子）の構造'!M$45</f>
        <v>388</v>
      </c>
      <c r="I49" s="176"/>
      <c r="J49" s="176"/>
      <c r="K49" s="176">
        <f>'実質公債費比率（分子）の構造'!N$45</f>
        <v>399</v>
      </c>
      <c r="L49" s="176"/>
      <c r="M49" s="176"/>
      <c r="N49" s="176">
        <f>'実質公債費比率（分子）の構造'!O$45</f>
        <v>429</v>
      </c>
      <c r="O49" s="176"/>
      <c r="P49" s="176"/>
    </row>
    <row r="50" spans="1:16" x14ac:dyDescent="0.2">
      <c r="A50" s="176" t="s">
        <v>72</v>
      </c>
      <c r="B50" s="176" t="e">
        <f>NA()</f>
        <v>#N/A</v>
      </c>
      <c r="C50" s="176">
        <f>IF(ISNUMBER('実質公債費比率（分子）の構造'!K$53),'実質公債費比率（分子）の構造'!K$53,NA())</f>
        <v>134</v>
      </c>
      <c r="D50" s="176" t="e">
        <f>NA()</f>
        <v>#N/A</v>
      </c>
      <c r="E50" s="176" t="e">
        <f>NA()</f>
        <v>#N/A</v>
      </c>
      <c r="F50" s="176">
        <f>IF(ISNUMBER('実質公債費比率（分子）の構造'!L$53),'実質公債費比率（分子）の構造'!L$53,NA())</f>
        <v>134</v>
      </c>
      <c r="G50" s="176" t="e">
        <f>NA()</f>
        <v>#N/A</v>
      </c>
      <c r="H50" s="176" t="e">
        <f>NA()</f>
        <v>#N/A</v>
      </c>
      <c r="I50" s="176">
        <f>IF(ISNUMBER('実質公債費比率（分子）の構造'!M$53),'実質公債費比率（分子）の構造'!M$53,NA())</f>
        <v>161</v>
      </c>
      <c r="J50" s="176" t="e">
        <f>NA()</f>
        <v>#N/A</v>
      </c>
      <c r="K50" s="176" t="e">
        <f>NA()</f>
        <v>#N/A</v>
      </c>
      <c r="L50" s="176">
        <f>IF(ISNUMBER('実質公債費比率（分子）の構造'!N$53),'実質公債費比率（分子）の構造'!N$53,NA())</f>
        <v>170</v>
      </c>
      <c r="M50" s="176" t="e">
        <f>NA()</f>
        <v>#N/A</v>
      </c>
      <c r="N50" s="176" t="e">
        <f>NA()</f>
        <v>#N/A</v>
      </c>
      <c r="O50" s="176">
        <f>IF(ISNUMBER('実質公債費比率（分子）の構造'!O$53),'実質公債費比率（分子）の構造'!O$53,NA())</f>
        <v>191</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3873</v>
      </c>
      <c r="E56" s="175"/>
      <c r="F56" s="175"/>
      <c r="G56" s="175">
        <f>'将来負担比率（分子）の構造'!J$52</f>
        <v>3848</v>
      </c>
      <c r="H56" s="175"/>
      <c r="I56" s="175"/>
      <c r="J56" s="175">
        <f>'将来負担比率（分子）の構造'!K$52</f>
        <v>3968</v>
      </c>
      <c r="K56" s="175"/>
      <c r="L56" s="175"/>
      <c r="M56" s="175">
        <f>'将来負担比率（分子）の構造'!L$52</f>
        <v>4373</v>
      </c>
      <c r="N56" s="175"/>
      <c r="O56" s="175"/>
      <c r="P56" s="175">
        <f>'将来負担比率（分子）の構造'!M$52</f>
        <v>4341</v>
      </c>
    </row>
    <row r="57" spans="1:16" x14ac:dyDescent="0.2">
      <c r="A57" s="175" t="s">
        <v>43</v>
      </c>
      <c r="B57" s="175"/>
      <c r="C57" s="175"/>
      <c r="D57" s="175" t="str">
        <f>'将来負担比率（分子）の構造'!I$51</f>
        <v>-</v>
      </c>
      <c r="E57" s="175"/>
      <c r="F57" s="175"/>
      <c r="G57" s="175" t="str">
        <f>'将来負担比率（分子）の構造'!J$51</f>
        <v>-</v>
      </c>
      <c r="H57" s="175"/>
      <c r="I57" s="175"/>
      <c r="J57" s="175" t="str">
        <f>'将来負担比率（分子）の構造'!K$51</f>
        <v>-</v>
      </c>
      <c r="K57" s="175"/>
      <c r="L57" s="175"/>
      <c r="M57" s="175" t="str">
        <f>'将来負担比率（分子）の構造'!L$51</f>
        <v>-</v>
      </c>
      <c r="N57" s="175"/>
      <c r="O57" s="175"/>
      <c r="P57" s="175" t="str">
        <f>'将来負担比率（分子）の構造'!M$51</f>
        <v>-</v>
      </c>
    </row>
    <row r="58" spans="1:16" x14ac:dyDescent="0.2">
      <c r="A58" s="175" t="s">
        <v>42</v>
      </c>
      <c r="B58" s="175"/>
      <c r="C58" s="175"/>
      <c r="D58" s="175">
        <f>'将来負担比率（分子）の構造'!I$50</f>
        <v>993</v>
      </c>
      <c r="E58" s="175"/>
      <c r="F58" s="175"/>
      <c r="G58" s="175">
        <f>'将来負担比率（分子）の構造'!J$50</f>
        <v>1044</v>
      </c>
      <c r="H58" s="175"/>
      <c r="I58" s="175"/>
      <c r="J58" s="175">
        <f>'将来負担比率（分子）の構造'!K$50</f>
        <v>1518</v>
      </c>
      <c r="K58" s="175"/>
      <c r="L58" s="175"/>
      <c r="M58" s="175">
        <f>'将来負担比率（分子）の構造'!L$50</f>
        <v>2140</v>
      </c>
      <c r="N58" s="175"/>
      <c r="O58" s="175"/>
      <c r="P58" s="175">
        <f>'将来負担比率（分子）の構造'!M$50</f>
        <v>2561</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1012</v>
      </c>
      <c r="C62" s="175"/>
      <c r="D62" s="175"/>
      <c r="E62" s="175">
        <f>'将来負担比率（分子）の構造'!J$45</f>
        <v>1064</v>
      </c>
      <c r="F62" s="175"/>
      <c r="G62" s="175"/>
      <c r="H62" s="175">
        <f>'将来負担比率（分子）の構造'!K$45</f>
        <v>974</v>
      </c>
      <c r="I62" s="175"/>
      <c r="J62" s="175"/>
      <c r="K62" s="175">
        <f>'将来負担比率（分子）の構造'!L$45</f>
        <v>893</v>
      </c>
      <c r="L62" s="175"/>
      <c r="M62" s="175"/>
      <c r="N62" s="175">
        <f>'将来負担比率（分子）の構造'!M$45</f>
        <v>856</v>
      </c>
      <c r="O62" s="175"/>
      <c r="P62" s="175"/>
    </row>
    <row r="63" spans="1:16" x14ac:dyDescent="0.2">
      <c r="A63" s="175" t="s">
        <v>35</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2">
      <c r="A64" s="175" t="s">
        <v>34</v>
      </c>
      <c r="B64" s="175">
        <f>'将来負担比率（分子）の構造'!I$43</f>
        <v>1002</v>
      </c>
      <c r="C64" s="175"/>
      <c r="D64" s="175"/>
      <c r="E64" s="175">
        <f>'将来負担比率（分子）の構造'!J$43</f>
        <v>889</v>
      </c>
      <c r="F64" s="175"/>
      <c r="G64" s="175"/>
      <c r="H64" s="175">
        <f>'将来負担比率（分子）の構造'!K$43</f>
        <v>916</v>
      </c>
      <c r="I64" s="175"/>
      <c r="J64" s="175"/>
      <c r="K64" s="175">
        <f>'将来負担比率（分子）の構造'!L$43</f>
        <v>859</v>
      </c>
      <c r="L64" s="175"/>
      <c r="M64" s="175"/>
      <c r="N64" s="175">
        <f>'将来負担比率（分子）の構造'!M$43</f>
        <v>785</v>
      </c>
      <c r="O64" s="175"/>
      <c r="P64" s="175"/>
    </row>
    <row r="65" spans="1:16" x14ac:dyDescent="0.2">
      <c r="A65" s="175" t="s">
        <v>33</v>
      </c>
      <c r="B65" s="175">
        <f>'将来負担比率（分子）の構造'!I$42</f>
        <v>144</v>
      </c>
      <c r="C65" s="175"/>
      <c r="D65" s="175"/>
      <c r="E65" s="175">
        <f>'将来負担比率（分子）の構造'!J$42</f>
        <v>139</v>
      </c>
      <c r="F65" s="175"/>
      <c r="G65" s="175"/>
      <c r="H65" s="175">
        <f>'将来負担比率（分子）の構造'!K$42</f>
        <v>135</v>
      </c>
      <c r="I65" s="175"/>
      <c r="J65" s="175"/>
      <c r="K65" s="175">
        <f>'将来負担比率（分子）の構造'!L$42</f>
        <v>131</v>
      </c>
      <c r="L65" s="175"/>
      <c r="M65" s="175"/>
      <c r="N65" s="175">
        <f>'将来負担比率（分子）の構造'!M$42</f>
        <v>126</v>
      </c>
      <c r="O65" s="175"/>
      <c r="P65" s="175"/>
    </row>
    <row r="66" spans="1:16" x14ac:dyDescent="0.2">
      <c r="A66" s="175" t="s">
        <v>32</v>
      </c>
      <c r="B66" s="175">
        <f>'将来負担比率（分子）の構造'!I$41</f>
        <v>4285</v>
      </c>
      <c r="C66" s="175"/>
      <c r="D66" s="175"/>
      <c r="E66" s="175">
        <f>'将来負担比率（分子）の構造'!J$41</f>
        <v>4456</v>
      </c>
      <c r="F66" s="175"/>
      <c r="G66" s="175"/>
      <c r="H66" s="175">
        <f>'将来負担比率（分子）の構造'!K$41</f>
        <v>4790</v>
      </c>
      <c r="I66" s="175"/>
      <c r="J66" s="175"/>
      <c r="K66" s="175">
        <f>'将来負担比率（分子）の構造'!L$41</f>
        <v>5631</v>
      </c>
      <c r="L66" s="175"/>
      <c r="M66" s="175"/>
      <c r="N66" s="175">
        <f>'将来負担比率（分子）の構造'!M$41</f>
        <v>5604</v>
      </c>
      <c r="O66" s="175"/>
      <c r="P66" s="175"/>
    </row>
    <row r="67" spans="1:16" x14ac:dyDescent="0.2">
      <c r="A67" s="175" t="s">
        <v>76</v>
      </c>
      <c r="B67" s="175" t="e">
        <f>NA()</f>
        <v>#N/A</v>
      </c>
      <c r="C67" s="175">
        <f>IF(ISNUMBER('将来負担比率（分子）の構造'!I$53), IF('将来負担比率（分子）の構造'!I$53 &lt; 0, 0, '将来負担比率（分子）の構造'!I$53), NA())</f>
        <v>1577</v>
      </c>
      <c r="D67" s="175" t="e">
        <f>NA()</f>
        <v>#N/A</v>
      </c>
      <c r="E67" s="175" t="e">
        <f>NA()</f>
        <v>#N/A</v>
      </c>
      <c r="F67" s="175">
        <f>IF(ISNUMBER('将来負担比率（分子）の構造'!J$53), IF('将来負担比率（分子）の構造'!J$53 &lt; 0, 0, '将来負担比率（分子）の構造'!J$53), NA())</f>
        <v>1656</v>
      </c>
      <c r="G67" s="175" t="e">
        <f>NA()</f>
        <v>#N/A</v>
      </c>
      <c r="H67" s="175" t="e">
        <f>NA()</f>
        <v>#N/A</v>
      </c>
      <c r="I67" s="175">
        <f>IF(ISNUMBER('将来負担比率（分子）の構造'!K$53), IF('将来負担比率（分子）の構造'!K$53 &lt; 0, 0, '将来負担比率（分子）の構造'!K$53), NA())</f>
        <v>1329</v>
      </c>
      <c r="J67" s="175" t="e">
        <f>NA()</f>
        <v>#N/A</v>
      </c>
      <c r="K67" s="175" t="e">
        <f>NA()</f>
        <v>#N/A</v>
      </c>
      <c r="L67" s="175">
        <f>IF(ISNUMBER('将来負担比率（分子）の構造'!L$53), IF('将来負担比率（分子）の構造'!L$53 &lt; 0, 0, '将来負担比率（分子）の構造'!L$53), NA())</f>
        <v>1001</v>
      </c>
      <c r="M67" s="175" t="e">
        <f>NA()</f>
        <v>#N/A</v>
      </c>
      <c r="N67" s="175" t="e">
        <f>NA()</f>
        <v>#N/A</v>
      </c>
      <c r="O67" s="175">
        <f>IF(ISNUMBER('将来負担比率（分子）の構造'!M$53), IF('将来負担比率（分子）の構造'!M$53 &lt; 0, 0, '将来負担比率（分子）の構造'!M$53), NA())</f>
        <v>469</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741</v>
      </c>
      <c r="C72" s="179">
        <f>基金残高に係る経年分析!G55</f>
        <v>1196</v>
      </c>
      <c r="D72" s="179">
        <f>基金残高に係る経年分析!H55</f>
        <v>1496</v>
      </c>
    </row>
    <row r="73" spans="1:16" x14ac:dyDescent="0.2">
      <c r="A73" s="178" t="s">
        <v>79</v>
      </c>
      <c r="B73" s="179">
        <f>基金残高に係る経年分析!F56</f>
        <v>1</v>
      </c>
      <c r="C73" s="179">
        <f>基金残高に係る経年分析!G56</f>
        <v>1</v>
      </c>
      <c r="D73" s="179">
        <f>基金残高に係る経年分析!H56</f>
        <v>1</v>
      </c>
    </row>
    <row r="74" spans="1:16" x14ac:dyDescent="0.2">
      <c r="A74" s="178" t="s">
        <v>80</v>
      </c>
      <c r="B74" s="179">
        <f>基金残高に係る経年分析!F57</f>
        <v>290</v>
      </c>
      <c r="C74" s="179">
        <f>基金残高に係る経年分析!G57</f>
        <v>397</v>
      </c>
      <c r="D74" s="179">
        <f>基金残高に係る経年分析!H57</f>
        <v>498</v>
      </c>
    </row>
  </sheetData>
  <sheetProtection algorithmName="SHA-512" hashValue="pP6sXZlpJ3xaSRQnH1mBDmqyJzV0y+xGXocwnKfOohrpYnVDqNoYBuO85oBka5pi2flVs0l9BDUnCb3yM4cBcQ==" saltValue="aiYu6BaWAdYMq26W4Z/8C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85" zoomScaleNormal="85"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3</v>
      </c>
      <c r="DI1" s="718"/>
      <c r="DJ1" s="718"/>
      <c r="DK1" s="718"/>
      <c r="DL1" s="718"/>
      <c r="DM1" s="718"/>
      <c r="DN1" s="719"/>
      <c r="DO1" s="214"/>
      <c r="DP1" s="717" t="s">
        <v>214</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5</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16</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7</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18</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19</v>
      </c>
      <c r="S4" s="674"/>
      <c r="T4" s="674"/>
      <c r="U4" s="674"/>
      <c r="V4" s="674"/>
      <c r="W4" s="674"/>
      <c r="X4" s="674"/>
      <c r="Y4" s="675"/>
      <c r="Z4" s="673" t="s">
        <v>220</v>
      </c>
      <c r="AA4" s="674"/>
      <c r="AB4" s="674"/>
      <c r="AC4" s="675"/>
      <c r="AD4" s="673" t="s">
        <v>221</v>
      </c>
      <c r="AE4" s="674"/>
      <c r="AF4" s="674"/>
      <c r="AG4" s="674"/>
      <c r="AH4" s="674"/>
      <c r="AI4" s="674"/>
      <c r="AJ4" s="674"/>
      <c r="AK4" s="675"/>
      <c r="AL4" s="673" t="s">
        <v>220</v>
      </c>
      <c r="AM4" s="674"/>
      <c r="AN4" s="674"/>
      <c r="AO4" s="675"/>
      <c r="AP4" s="720" t="s">
        <v>222</v>
      </c>
      <c r="AQ4" s="720"/>
      <c r="AR4" s="720"/>
      <c r="AS4" s="720"/>
      <c r="AT4" s="720"/>
      <c r="AU4" s="720"/>
      <c r="AV4" s="720"/>
      <c r="AW4" s="720"/>
      <c r="AX4" s="720"/>
      <c r="AY4" s="720"/>
      <c r="AZ4" s="720"/>
      <c r="BA4" s="720"/>
      <c r="BB4" s="720"/>
      <c r="BC4" s="720"/>
      <c r="BD4" s="720"/>
      <c r="BE4" s="720"/>
      <c r="BF4" s="720"/>
      <c r="BG4" s="720" t="s">
        <v>223</v>
      </c>
      <c r="BH4" s="720"/>
      <c r="BI4" s="720"/>
      <c r="BJ4" s="720"/>
      <c r="BK4" s="720"/>
      <c r="BL4" s="720"/>
      <c r="BM4" s="720"/>
      <c r="BN4" s="720"/>
      <c r="BO4" s="720" t="s">
        <v>220</v>
      </c>
      <c r="BP4" s="720"/>
      <c r="BQ4" s="720"/>
      <c r="BR4" s="720"/>
      <c r="BS4" s="720" t="s">
        <v>224</v>
      </c>
      <c r="BT4" s="720"/>
      <c r="BU4" s="720"/>
      <c r="BV4" s="720"/>
      <c r="BW4" s="720"/>
      <c r="BX4" s="720"/>
      <c r="BY4" s="720"/>
      <c r="BZ4" s="720"/>
      <c r="CA4" s="720"/>
      <c r="CB4" s="720"/>
      <c r="CD4" s="673" t="s">
        <v>225</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6</v>
      </c>
      <c r="C5" s="680"/>
      <c r="D5" s="680"/>
      <c r="E5" s="680"/>
      <c r="F5" s="680"/>
      <c r="G5" s="680"/>
      <c r="H5" s="680"/>
      <c r="I5" s="680"/>
      <c r="J5" s="680"/>
      <c r="K5" s="680"/>
      <c r="L5" s="680"/>
      <c r="M5" s="680"/>
      <c r="N5" s="680"/>
      <c r="O5" s="680"/>
      <c r="P5" s="680"/>
      <c r="Q5" s="681"/>
      <c r="R5" s="676">
        <v>1543471</v>
      </c>
      <c r="S5" s="677"/>
      <c r="T5" s="677"/>
      <c r="U5" s="677"/>
      <c r="V5" s="677"/>
      <c r="W5" s="677"/>
      <c r="X5" s="677"/>
      <c r="Y5" s="702"/>
      <c r="Z5" s="715">
        <v>26.9</v>
      </c>
      <c r="AA5" s="715"/>
      <c r="AB5" s="715"/>
      <c r="AC5" s="715"/>
      <c r="AD5" s="716">
        <v>1543471</v>
      </c>
      <c r="AE5" s="716"/>
      <c r="AF5" s="716"/>
      <c r="AG5" s="716"/>
      <c r="AH5" s="716"/>
      <c r="AI5" s="716"/>
      <c r="AJ5" s="716"/>
      <c r="AK5" s="716"/>
      <c r="AL5" s="703">
        <v>48.1</v>
      </c>
      <c r="AM5" s="685"/>
      <c r="AN5" s="685"/>
      <c r="AO5" s="704"/>
      <c r="AP5" s="679" t="s">
        <v>227</v>
      </c>
      <c r="AQ5" s="680"/>
      <c r="AR5" s="680"/>
      <c r="AS5" s="680"/>
      <c r="AT5" s="680"/>
      <c r="AU5" s="680"/>
      <c r="AV5" s="680"/>
      <c r="AW5" s="680"/>
      <c r="AX5" s="680"/>
      <c r="AY5" s="680"/>
      <c r="AZ5" s="680"/>
      <c r="BA5" s="680"/>
      <c r="BB5" s="680"/>
      <c r="BC5" s="680"/>
      <c r="BD5" s="680"/>
      <c r="BE5" s="680"/>
      <c r="BF5" s="681"/>
      <c r="BG5" s="621">
        <v>1543471</v>
      </c>
      <c r="BH5" s="622"/>
      <c r="BI5" s="622"/>
      <c r="BJ5" s="622"/>
      <c r="BK5" s="622"/>
      <c r="BL5" s="622"/>
      <c r="BM5" s="622"/>
      <c r="BN5" s="623"/>
      <c r="BO5" s="659">
        <v>100</v>
      </c>
      <c r="BP5" s="659"/>
      <c r="BQ5" s="659"/>
      <c r="BR5" s="659"/>
      <c r="BS5" s="660" t="s">
        <v>129</v>
      </c>
      <c r="BT5" s="660"/>
      <c r="BU5" s="660"/>
      <c r="BV5" s="660"/>
      <c r="BW5" s="660"/>
      <c r="BX5" s="660"/>
      <c r="BY5" s="660"/>
      <c r="BZ5" s="660"/>
      <c r="CA5" s="660"/>
      <c r="CB5" s="695"/>
      <c r="CD5" s="673" t="s">
        <v>222</v>
      </c>
      <c r="CE5" s="674"/>
      <c r="CF5" s="674"/>
      <c r="CG5" s="674"/>
      <c r="CH5" s="674"/>
      <c r="CI5" s="674"/>
      <c r="CJ5" s="674"/>
      <c r="CK5" s="674"/>
      <c r="CL5" s="674"/>
      <c r="CM5" s="674"/>
      <c r="CN5" s="674"/>
      <c r="CO5" s="674"/>
      <c r="CP5" s="674"/>
      <c r="CQ5" s="675"/>
      <c r="CR5" s="673" t="s">
        <v>228</v>
      </c>
      <c r="CS5" s="674"/>
      <c r="CT5" s="674"/>
      <c r="CU5" s="674"/>
      <c r="CV5" s="674"/>
      <c r="CW5" s="674"/>
      <c r="CX5" s="674"/>
      <c r="CY5" s="675"/>
      <c r="CZ5" s="673" t="s">
        <v>220</v>
      </c>
      <c r="DA5" s="674"/>
      <c r="DB5" s="674"/>
      <c r="DC5" s="675"/>
      <c r="DD5" s="673" t="s">
        <v>229</v>
      </c>
      <c r="DE5" s="674"/>
      <c r="DF5" s="674"/>
      <c r="DG5" s="674"/>
      <c r="DH5" s="674"/>
      <c r="DI5" s="674"/>
      <c r="DJ5" s="674"/>
      <c r="DK5" s="674"/>
      <c r="DL5" s="674"/>
      <c r="DM5" s="674"/>
      <c r="DN5" s="674"/>
      <c r="DO5" s="674"/>
      <c r="DP5" s="675"/>
      <c r="DQ5" s="673" t="s">
        <v>230</v>
      </c>
      <c r="DR5" s="674"/>
      <c r="DS5" s="674"/>
      <c r="DT5" s="674"/>
      <c r="DU5" s="674"/>
      <c r="DV5" s="674"/>
      <c r="DW5" s="674"/>
      <c r="DX5" s="674"/>
      <c r="DY5" s="674"/>
      <c r="DZ5" s="674"/>
      <c r="EA5" s="674"/>
      <c r="EB5" s="674"/>
      <c r="EC5" s="675"/>
    </row>
    <row r="6" spans="2:143" ht="11.25" customHeight="1" x14ac:dyDescent="0.2">
      <c r="B6" s="618" t="s">
        <v>231</v>
      </c>
      <c r="C6" s="619"/>
      <c r="D6" s="619"/>
      <c r="E6" s="619"/>
      <c r="F6" s="619"/>
      <c r="G6" s="619"/>
      <c r="H6" s="619"/>
      <c r="I6" s="619"/>
      <c r="J6" s="619"/>
      <c r="K6" s="619"/>
      <c r="L6" s="619"/>
      <c r="M6" s="619"/>
      <c r="N6" s="619"/>
      <c r="O6" s="619"/>
      <c r="P6" s="619"/>
      <c r="Q6" s="620"/>
      <c r="R6" s="621">
        <v>31517</v>
      </c>
      <c r="S6" s="622"/>
      <c r="T6" s="622"/>
      <c r="U6" s="622"/>
      <c r="V6" s="622"/>
      <c r="W6" s="622"/>
      <c r="X6" s="622"/>
      <c r="Y6" s="623"/>
      <c r="Z6" s="659">
        <v>0.5</v>
      </c>
      <c r="AA6" s="659"/>
      <c r="AB6" s="659"/>
      <c r="AC6" s="659"/>
      <c r="AD6" s="660">
        <v>31517</v>
      </c>
      <c r="AE6" s="660"/>
      <c r="AF6" s="660"/>
      <c r="AG6" s="660"/>
      <c r="AH6" s="660"/>
      <c r="AI6" s="660"/>
      <c r="AJ6" s="660"/>
      <c r="AK6" s="660"/>
      <c r="AL6" s="624">
        <v>1</v>
      </c>
      <c r="AM6" s="625"/>
      <c r="AN6" s="625"/>
      <c r="AO6" s="661"/>
      <c r="AP6" s="618" t="s">
        <v>232</v>
      </c>
      <c r="AQ6" s="619"/>
      <c r="AR6" s="619"/>
      <c r="AS6" s="619"/>
      <c r="AT6" s="619"/>
      <c r="AU6" s="619"/>
      <c r="AV6" s="619"/>
      <c r="AW6" s="619"/>
      <c r="AX6" s="619"/>
      <c r="AY6" s="619"/>
      <c r="AZ6" s="619"/>
      <c r="BA6" s="619"/>
      <c r="BB6" s="619"/>
      <c r="BC6" s="619"/>
      <c r="BD6" s="619"/>
      <c r="BE6" s="619"/>
      <c r="BF6" s="620"/>
      <c r="BG6" s="621">
        <v>1543471</v>
      </c>
      <c r="BH6" s="622"/>
      <c r="BI6" s="622"/>
      <c r="BJ6" s="622"/>
      <c r="BK6" s="622"/>
      <c r="BL6" s="622"/>
      <c r="BM6" s="622"/>
      <c r="BN6" s="623"/>
      <c r="BO6" s="659">
        <v>100</v>
      </c>
      <c r="BP6" s="659"/>
      <c r="BQ6" s="659"/>
      <c r="BR6" s="659"/>
      <c r="BS6" s="660" t="s">
        <v>233</v>
      </c>
      <c r="BT6" s="660"/>
      <c r="BU6" s="660"/>
      <c r="BV6" s="660"/>
      <c r="BW6" s="660"/>
      <c r="BX6" s="660"/>
      <c r="BY6" s="660"/>
      <c r="BZ6" s="660"/>
      <c r="CA6" s="660"/>
      <c r="CB6" s="695"/>
      <c r="CD6" s="679" t="s">
        <v>234</v>
      </c>
      <c r="CE6" s="680"/>
      <c r="CF6" s="680"/>
      <c r="CG6" s="680"/>
      <c r="CH6" s="680"/>
      <c r="CI6" s="680"/>
      <c r="CJ6" s="680"/>
      <c r="CK6" s="680"/>
      <c r="CL6" s="680"/>
      <c r="CM6" s="680"/>
      <c r="CN6" s="680"/>
      <c r="CO6" s="680"/>
      <c r="CP6" s="680"/>
      <c r="CQ6" s="681"/>
      <c r="CR6" s="621">
        <v>80348</v>
      </c>
      <c r="CS6" s="622"/>
      <c r="CT6" s="622"/>
      <c r="CU6" s="622"/>
      <c r="CV6" s="622"/>
      <c r="CW6" s="622"/>
      <c r="CX6" s="622"/>
      <c r="CY6" s="623"/>
      <c r="CZ6" s="703">
        <v>1.5</v>
      </c>
      <c r="DA6" s="685"/>
      <c r="DB6" s="685"/>
      <c r="DC6" s="705"/>
      <c r="DD6" s="627" t="s">
        <v>129</v>
      </c>
      <c r="DE6" s="622"/>
      <c r="DF6" s="622"/>
      <c r="DG6" s="622"/>
      <c r="DH6" s="622"/>
      <c r="DI6" s="622"/>
      <c r="DJ6" s="622"/>
      <c r="DK6" s="622"/>
      <c r="DL6" s="622"/>
      <c r="DM6" s="622"/>
      <c r="DN6" s="622"/>
      <c r="DO6" s="622"/>
      <c r="DP6" s="623"/>
      <c r="DQ6" s="627">
        <v>80348</v>
      </c>
      <c r="DR6" s="622"/>
      <c r="DS6" s="622"/>
      <c r="DT6" s="622"/>
      <c r="DU6" s="622"/>
      <c r="DV6" s="622"/>
      <c r="DW6" s="622"/>
      <c r="DX6" s="622"/>
      <c r="DY6" s="622"/>
      <c r="DZ6" s="622"/>
      <c r="EA6" s="622"/>
      <c r="EB6" s="622"/>
      <c r="EC6" s="658"/>
    </row>
    <row r="7" spans="2:143" ht="11.25" customHeight="1" x14ac:dyDescent="0.2">
      <c r="B7" s="618" t="s">
        <v>235</v>
      </c>
      <c r="C7" s="619"/>
      <c r="D7" s="619"/>
      <c r="E7" s="619"/>
      <c r="F7" s="619"/>
      <c r="G7" s="619"/>
      <c r="H7" s="619"/>
      <c r="I7" s="619"/>
      <c r="J7" s="619"/>
      <c r="K7" s="619"/>
      <c r="L7" s="619"/>
      <c r="M7" s="619"/>
      <c r="N7" s="619"/>
      <c r="O7" s="619"/>
      <c r="P7" s="619"/>
      <c r="Q7" s="620"/>
      <c r="R7" s="621">
        <v>503</v>
      </c>
      <c r="S7" s="622"/>
      <c r="T7" s="622"/>
      <c r="U7" s="622"/>
      <c r="V7" s="622"/>
      <c r="W7" s="622"/>
      <c r="X7" s="622"/>
      <c r="Y7" s="623"/>
      <c r="Z7" s="659">
        <v>0</v>
      </c>
      <c r="AA7" s="659"/>
      <c r="AB7" s="659"/>
      <c r="AC7" s="659"/>
      <c r="AD7" s="660">
        <v>503</v>
      </c>
      <c r="AE7" s="660"/>
      <c r="AF7" s="660"/>
      <c r="AG7" s="660"/>
      <c r="AH7" s="660"/>
      <c r="AI7" s="660"/>
      <c r="AJ7" s="660"/>
      <c r="AK7" s="660"/>
      <c r="AL7" s="624">
        <v>0</v>
      </c>
      <c r="AM7" s="625"/>
      <c r="AN7" s="625"/>
      <c r="AO7" s="661"/>
      <c r="AP7" s="618" t="s">
        <v>236</v>
      </c>
      <c r="AQ7" s="619"/>
      <c r="AR7" s="619"/>
      <c r="AS7" s="619"/>
      <c r="AT7" s="619"/>
      <c r="AU7" s="619"/>
      <c r="AV7" s="619"/>
      <c r="AW7" s="619"/>
      <c r="AX7" s="619"/>
      <c r="AY7" s="619"/>
      <c r="AZ7" s="619"/>
      <c r="BA7" s="619"/>
      <c r="BB7" s="619"/>
      <c r="BC7" s="619"/>
      <c r="BD7" s="619"/>
      <c r="BE7" s="619"/>
      <c r="BF7" s="620"/>
      <c r="BG7" s="621">
        <v>681581</v>
      </c>
      <c r="BH7" s="622"/>
      <c r="BI7" s="622"/>
      <c r="BJ7" s="622"/>
      <c r="BK7" s="622"/>
      <c r="BL7" s="622"/>
      <c r="BM7" s="622"/>
      <c r="BN7" s="623"/>
      <c r="BO7" s="659">
        <v>44.2</v>
      </c>
      <c r="BP7" s="659"/>
      <c r="BQ7" s="659"/>
      <c r="BR7" s="659"/>
      <c r="BS7" s="660" t="s">
        <v>129</v>
      </c>
      <c r="BT7" s="660"/>
      <c r="BU7" s="660"/>
      <c r="BV7" s="660"/>
      <c r="BW7" s="660"/>
      <c r="BX7" s="660"/>
      <c r="BY7" s="660"/>
      <c r="BZ7" s="660"/>
      <c r="CA7" s="660"/>
      <c r="CB7" s="695"/>
      <c r="CD7" s="618" t="s">
        <v>237</v>
      </c>
      <c r="CE7" s="619"/>
      <c r="CF7" s="619"/>
      <c r="CG7" s="619"/>
      <c r="CH7" s="619"/>
      <c r="CI7" s="619"/>
      <c r="CJ7" s="619"/>
      <c r="CK7" s="619"/>
      <c r="CL7" s="619"/>
      <c r="CM7" s="619"/>
      <c r="CN7" s="619"/>
      <c r="CO7" s="619"/>
      <c r="CP7" s="619"/>
      <c r="CQ7" s="620"/>
      <c r="CR7" s="621">
        <v>1014546</v>
      </c>
      <c r="CS7" s="622"/>
      <c r="CT7" s="622"/>
      <c r="CU7" s="622"/>
      <c r="CV7" s="622"/>
      <c r="CW7" s="622"/>
      <c r="CX7" s="622"/>
      <c r="CY7" s="623"/>
      <c r="CZ7" s="659">
        <v>19.3</v>
      </c>
      <c r="DA7" s="659"/>
      <c r="DB7" s="659"/>
      <c r="DC7" s="659"/>
      <c r="DD7" s="627">
        <v>16795</v>
      </c>
      <c r="DE7" s="622"/>
      <c r="DF7" s="622"/>
      <c r="DG7" s="622"/>
      <c r="DH7" s="622"/>
      <c r="DI7" s="622"/>
      <c r="DJ7" s="622"/>
      <c r="DK7" s="622"/>
      <c r="DL7" s="622"/>
      <c r="DM7" s="622"/>
      <c r="DN7" s="622"/>
      <c r="DO7" s="622"/>
      <c r="DP7" s="623"/>
      <c r="DQ7" s="627">
        <v>901395</v>
      </c>
      <c r="DR7" s="622"/>
      <c r="DS7" s="622"/>
      <c r="DT7" s="622"/>
      <c r="DU7" s="622"/>
      <c r="DV7" s="622"/>
      <c r="DW7" s="622"/>
      <c r="DX7" s="622"/>
      <c r="DY7" s="622"/>
      <c r="DZ7" s="622"/>
      <c r="EA7" s="622"/>
      <c r="EB7" s="622"/>
      <c r="EC7" s="658"/>
    </row>
    <row r="8" spans="2:143" ht="11.25" customHeight="1" x14ac:dyDescent="0.2">
      <c r="B8" s="618" t="s">
        <v>238</v>
      </c>
      <c r="C8" s="619"/>
      <c r="D8" s="619"/>
      <c r="E8" s="619"/>
      <c r="F8" s="619"/>
      <c r="G8" s="619"/>
      <c r="H8" s="619"/>
      <c r="I8" s="619"/>
      <c r="J8" s="619"/>
      <c r="K8" s="619"/>
      <c r="L8" s="619"/>
      <c r="M8" s="619"/>
      <c r="N8" s="619"/>
      <c r="O8" s="619"/>
      <c r="P8" s="619"/>
      <c r="Q8" s="620"/>
      <c r="R8" s="621">
        <v>10139</v>
      </c>
      <c r="S8" s="622"/>
      <c r="T8" s="622"/>
      <c r="U8" s="622"/>
      <c r="V8" s="622"/>
      <c r="W8" s="622"/>
      <c r="X8" s="622"/>
      <c r="Y8" s="623"/>
      <c r="Z8" s="659">
        <v>0.2</v>
      </c>
      <c r="AA8" s="659"/>
      <c r="AB8" s="659"/>
      <c r="AC8" s="659"/>
      <c r="AD8" s="660">
        <v>10139</v>
      </c>
      <c r="AE8" s="660"/>
      <c r="AF8" s="660"/>
      <c r="AG8" s="660"/>
      <c r="AH8" s="660"/>
      <c r="AI8" s="660"/>
      <c r="AJ8" s="660"/>
      <c r="AK8" s="660"/>
      <c r="AL8" s="624">
        <v>0.3</v>
      </c>
      <c r="AM8" s="625"/>
      <c r="AN8" s="625"/>
      <c r="AO8" s="661"/>
      <c r="AP8" s="618" t="s">
        <v>239</v>
      </c>
      <c r="AQ8" s="619"/>
      <c r="AR8" s="619"/>
      <c r="AS8" s="619"/>
      <c r="AT8" s="619"/>
      <c r="AU8" s="619"/>
      <c r="AV8" s="619"/>
      <c r="AW8" s="619"/>
      <c r="AX8" s="619"/>
      <c r="AY8" s="619"/>
      <c r="AZ8" s="619"/>
      <c r="BA8" s="619"/>
      <c r="BB8" s="619"/>
      <c r="BC8" s="619"/>
      <c r="BD8" s="619"/>
      <c r="BE8" s="619"/>
      <c r="BF8" s="620"/>
      <c r="BG8" s="621">
        <v>19767</v>
      </c>
      <c r="BH8" s="622"/>
      <c r="BI8" s="622"/>
      <c r="BJ8" s="622"/>
      <c r="BK8" s="622"/>
      <c r="BL8" s="622"/>
      <c r="BM8" s="622"/>
      <c r="BN8" s="623"/>
      <c r="BO8" s="659">
        <v>1.3</v>
      </c>
      <c r="BP8" s="659"/>
      <c r="BQ8" s="659"/>
      <c r="BR8" s="659"/>
      <c r="BS8" s="660" t="s">
        <v>233</v>
      </c>
      <c r="BT8" s="660"/>
      <c r="BU8" s="660"/>
      <c r="BV8" s="660"/>
      <c r="BW8" s="660"/>
      <c r="BX8" s="660"/>
      <c r="BY8" s="660"/>
      <c r="BZ8" s="660"/>
      <c r="CA8" s="660"/>
      <c r="CB8" s="695"/>
      <c r="CD8" s="618" t="s">
        <v>240</v>
      </c>
      <c r="CE8" s="619"/>
      <c r="CF8" s="619"/>
      <c r="CG8" s="619"/>
      <c r="CH8" s="619"/>
      <c r="CI8" s="619"/>
      <c r="CJ8" s="619"/>
      <c r="CK8" s="619"/>
      <c r="CL8" s="619"/>
      <c r="CM8" s="619"/>
      <c r="CN8" s="619"/>
      <c r="CO8" s="619"/>
      <c r="CP8" s="619"/>
      <c r="CQ8" s="620"/>
      <c r="CR8" s="621">
        <v>1388371</v>
      </c>
      <c r="CS8" s="622"/>
      <c r="CT8" s="622"/>
      <c r="CU8" s="622"/>
      <c r="CV8" s="622"/>
      <c r="CW8" s="622"/>
      <c r="CX8" s="622"/>
      <c r="CY8" s="623"/>
      <c r="CZ8" s="659">
        <v>26.4</v>
      </c>
      <c r="DA8" s="659"/>
      <c r="DB8" s="659"/>
      <c r="DC8" s="659"/>
      <c r="DD8" s="627">
        <v>2574</v>
      </c>
      <c r="DE8" s="622"/>
      <c r="DF8" s="622"/>
      <c r="DG8" s="622"/>
      <c r="DH8" s="622"/>
      <c r="DI8" s="622"/>
      <c r="DJ8" s="622"/>
      <c r="DK8" s="622"/>
      <c r="DL8" s="622"/>
      <c r="DM8" s="622"/>
      <c r="DN8" s="622"/>
      <c r="DO8" s="622"/>
      <c r="DP8" s="623"/>
      <c r="DQ8" s="627">
        <v>748211</v>
      </c>
      <c r="DR8" s="622"/>
      <c r="DS8" s="622"/>
      <c r="DT8" s="622"/>
      <c r="DU8" s="622"/>
      <c r="DV8" s="622"/>
      <c r="DW8" s="622"/>
      <c r="DX8" s="622"/>
      <c r="DY8" s="622"/>
      <c r="DZ8" s="622"/>
      <c r="EA8" s="622"/>
      <c r="EB8" s="622"/>
      <c r="EC8" s="658"/>
    </row>
    <row r="9" spans="2:143" ht="11.25" customHeight="1" x14ac:dyDescent="0.2">
      <c r="B9" s="618" t="s">
        <v>241</v>
      </c>
      <c r="C9" s="619"/>
      <c r="D9" s="619"/>
      <c r="E9" s="619"/>
      <c r="F9" s="619"/>
      <c r="G9" s="619"/>
      <c r="H9" s="619"/>
      <c r="I9" s="619"/>
      <c r="J9" s="619"/>
      <c r="K9" s="619"/>
      <c r="L9" s="619"/>
      <c r="M9" s="619"/>
      <c r="N9" s="619"/>
      <c r="O9" s="619"/>
      <c r="P9" s="619"/>
      <c r="Q9" s="620"/>
      <c r="R9" s="621">
        <v>7772</v>
      </c>
      <c r="S9" s="622"/>
      <c r="T9" s="622"/>
      <c r="U9" s="622"/>
      <c r="V9" s="622"/>
      <c r="W9" s="622"/>
      <c r="X9" s="622"/>
      <c r="Y9" s="623"/>
      <c r="Z9" s="659">
        <v>0.1</v>
      </c>
      <c r="AA9" s="659"/>
      <c r="AB9" s="659"/>
      <c r="AC9" s="659"/>
      <c r="AD9" s="660">
        <v>7772</v>
      </c>
      <c r="AE9" s="660"/>
      <c r="AF9" s="660"/>
      <c r="AG9" s="660"/>
      <c r="AH9" s="660"/>
      <c r="AI9" s="660"/>
      <c r="AJ9" s="660"/>
      <c r="AK9" s="660"/>
      <c r="AL9" s="624">
        <v>0.2</v>
      </c>
      <c r="AM9" s="625"/>
      <c r="AN9" s="625"/>
      <c r="AO9" s="661"/>
      <c r="AP9" s="618" t="s">
        <v>242</v>
      </c>
      <c r="AQ9" s="619"/>
      <c r="AR9" s="619"/>
      <c r="AS9" s="619"/>
      <c r="AT9" s="619"/>
      <c r="AU9" s="619"/>
      <c r="AV9" s="619"/>
      <c r="AW9" s="619"/>
      <c r="AX9" s="619"/>
      <c r="AY9" s="619"/>
      <c r="AZ9" s="619"/>
      <c r="BA9" s="619"/>
      <c r="BB9" s="619"/>
      <c r="BC9" s="619"/>
      <c r="BD9" s="619"/>
      <c r="BE9" s="619"/>
      <c r="BF9" s="620"/>
      <c r="BG9" s="621">
        <v>586958</v>
      </c>
      <c r="BH9" s="622"/>
      <c r="BI9" s="622"/>
      <c r="BJ9" s="622"/>
      <c r="BK9" s="622"/>
      <c r="BL9" s="622"/>
      <c r="BM9" s="622"/>
      <c r="BN9" s="623"/>
      <c r="BO9" s="659">
        <v>38</v>
      </c>
      <c r="BP9" s="659"/>
      <c r="BQ9" s="659"/>
      <c r="BR9" s="659"/>
      <c r="BS9" s="660" t="s">
        <v>233</v>
      </c>
      <c r="BT9" s="660"/>
      <c r="BU9" s="660"/>
      <c r="BV9" s="660"/>
      <c r="BW9" s="660"/>
      <c r="BX9" s="660"/>
      <c r="BY9" s="660"/>
      <c r="BZ9" s="660"/>
      <c r="CA9" s="660"/>
      <c r="CB9" s="695"/>
      <c r="CD9" s="618" t="s">
        <v>243</v>
      </c>
      <c r="CE9" s="619"/>
      <c r="CF9" s="619"/>
      <c r="CG9" s="619"/>
      <c r="CH9" s="619"/>
      <c r="CI9" s="619"/>
      <c r="CJ9" s="619"/>
      <c r="CK9" s="619"/>
      <c r="CL9" s="619"/>
      <c r="CM9" s="619"/>
      <c r="CN9" s="619"/>
      <c r="CO9" s="619"/>
      <c r="CP9" s="619"/>
      <c r="CQ9" s="620"/>
      <c r="CR9" s="621">
        <v>435218</v>
      </c>
      <c r="CS9" s="622"/>
      <c r="CT9" s="622"/>
      <c r="CU9" s="622"/>
      <c r="CV9" s="622"/>
      <c r="CW9" s="622"/>
      <c r="CX9" s="622"/>
      <c r="CY9" s="623"/>
      <c r="CZ9" s="659">
        <v>8.3000000000000007</v>
      </c>
      <c r="DA9" s="659"/>
      <c r="DB9" s="659"/>
      <c r="DC9" s="659"/>
      <c r="DD9" s="627">
        <v>49288</v>
      </c>
      <c r="DE9" s="622"/>
      <c r="DF9" s="622"/>
      <c r="DG9" s="622"/>
      <c r="DH9" s="622"/>
      <c r="DI9" s="622"/>
      <c r="DJ9" s="622"/>
      <c r="DK9" s="622"/>
      <c r="DL9" s="622"/>
      <c r="DM9" s="622"/>
      <c r="DN9" s="622"/>
      <c r="DO9" s="622"/>
      <c r="DP9" s="623"/>
      <c r="DQ9" s="627">
        <v>309618</v>
      </c>
      <c r="DR9" s="622"/>
      <c r="DS9" s="622"/>
      <c r="DT9" s="622"/>
      <c r="DU9" s="622"/>
      <c r="DV9" s="622"/>
      <c r="DW9" s="622"/>
      <c r="DX9" s="622"/>
      <c r="DY9" s="622"/>
      <c r="DZ9" s="622"/>
      <c r="EA9" s="622"/>
      <c r="EB9" s="622"/>
      <c r="EC9" s="658"/>
    </row>
    <row r="10" spans="2:143" ht="11.25" customHeight="1" x14ac:dyDescent="0.2">
      <c r="B10" s="618" t="s">
        <v>244</v>
      </c>
      <c r="C10" s="619"/>
      <c r="D10" s="619"/>
      <c r="E10" s="619"/>
      <c r="F10" s="619"/>
      <c r="G10" s="619"/>
      <c r="H10" s="619"/>
      <c r="I10" s="619"/>
      <c r="J10" s="619"/>
      <c r="K10" s="619"/>
      <c r="L10" s="619"/>
      <c r="M10" s="619"/>
      <c r="N10" s="619"/>
      <c r="O10" s="619"/>
      <c r="P10" s="619"/>
      <c r="Q10" s="620"/>
      <c r="R10" s="621" t="s">
        <v>129</v>
      </c>
      <c r="S10" s="622"/>
      <c r="T10" s="622"/>
      <c r="U10" s="622"/>
      <c r="V10" s="622"/>
      <c r="W10" s="622"/>
      <c r="X10" s="622"/>
      <c r="Y10" s="623"/>
      <c r="Z10" s="659" t="s">
        <v>129</v>
      </c>
      <c r="AA10" s="659"/>
      <c r="AB10" s="659"/>
      <c r="AC10" s="659"/>
      <c r="AD10" s="660" t="s">
        <v>129</v>
      </c>
      <c r="AE10" s="660"/>
      <c r="AF10" s="660"/>
      <c r="AG10" s="660"/>
      <c r="AH10" s="660"/>
      <c r="AI10" s="660"/>
      <c r="AJ10" s="660"/>
      <c r="AK10" s="660"/>
      <c r="AL10" s="624" t="s">
        <v>233</v>
      </c>
      <c r="AM10" s="625"/>
      <c r="AN10" s="625"/>
      <c r="AO10" s="661"/>
      <c r="AP10" s="618" t="s">
        <v>245</v>
      </c>
      <c r="AQ10" s="619"/>
      <c r="AR10" s="619"/>
      <c r="AS10" s="619"/>
      <c r="AT10" s="619"/>
      <c r="AU10" s="619"/>
      <c r="AV10" s="619"/>
      <c r="AW10" s="619"/>
      <c r="AX10" s="619"/>
      <c r="AY10" s="619"/>
      <c r="AZ10" s="619"/>
      <c r="BA10" s="619"/>
      <c r="BB10" s="619"/>
      <c r="BC10" s="619"/>
      <c r="BD10" s="619"/>
      <c r="BE10" s="619"/>
      <c r="BF10" s="620"/>
      <c r="BG10" s="621">
        <v>34675</v>
      </c>
      <c r="BH10" s="622"/>
      <c r="BI10" s="622"/>
      <c r="BJ10" s="622"/>
      <c r="BK10" s="622"/>
      <c r="BL10" s="622"/>
      <c r="BM10" s="622"/>
      <c r="BN10" s="623"/>
      <c r="BO10" s="659">
        <v>2.2000000000000002</v>
      </c>
      <c r="BP10" s="659"/>
      <c r="BQ10" s="659"/>
      <c r="BR10" s="659"/>
      <c r="BS10" s="660" t="s">
        <v>129</v>
      </c>
      <c r="BT10" s="660"/>
      <c r="BU10" s="660"/>
      <c r="BV10" s="660"/>
      <c r="BW10" s="660"/>
      <c r="BX10" s="660"/>
      <c r="BY10" s="660"/>
      <c r="BZ10" s="660"/>
      <c r="CA10" s="660"/>
      <c r="CB10" s="695"/>
      <c r="CD10" s="618" t="s">
        <v>246</v>
      </c>
      <c r="CE10" s="619"/>
      <c r="CF10" s="619"/>
      <c r="CG10" s="619"/>
      <c r="CH10" s="619"/>
      <c r="CI10" s="619"/>
      <c r="CJ10" s="619"/>
      <c r="CK10" s="619"/>
      <c r="CL10" s="619"/>
      <c r="CM10" s="619"/>
      <c r="CN10" s="619"/>
      <c r="CO10" s="619"/>
      <c r="CP10" s="619"/>
      <c r="CQ10" s="620"/>
      <c r="CR10" s="621">
        <v>6419</v>
      </c>
      <c r="CS10" s="622"/>
      <c r="CT10" s="622"/>
      <c r="CU10" s="622"/>
      <c r="CV10" s="622"/>
      <c r="CW10" s="622"/>
      <c r="CX10" s="622"/>
      <c r="CY10" s="623"/>
      <c r="CZ10" s="659">
        <v>0.1</v>
      </c>
      <c r="DA10" s="659"/>
      <c r="DB10" s="659"/>
      <c r="DC10" s="659"/>
      <c r="DD10" s="627" t="s">
        <v>233</v>
      </c>
      <c r="DE10" s="622"/>
      <c r="DF10" s="622"/>
      <c r="DG10" s="622"/>
      <c r="DH10" s="622"/>
      <c r="DI10" s="622"/>
      <c r="DJ10" s="622"/>
      <c r="DK10" s="622"/>
      <c r="DL10" s="622"/>
      <c r="DM10" s="622"/>
      <c r="DN10" s="622"/>
      <c r="DO10" s="622"/>
      <c r="DP10" s="623"/>
      <c r="DQ10" s="627">
        <v>834</v>
      </c>
      <c r="DR10" s="622"/>
      <c r="DS10" s="622"/>
      <c r="DT10" s="622"/>
      <c r="DU10" s="622"/>
      <c r="DV10" s="622"/>
      <c r="DW10" s="622"/>
      <c r="DX10" s="622"/>
      <c r="DY10" s="622"/>
      <c r="DZ10" s="622"/>
      <c r="EA10" s="622"/>
      <c r="EB10" s="622"/>
      <c r="EC10" s="658"/>
    </row>
    <row r="11" spans="2:143" ht="11.25" customHeight="1" x14ac:dyDescent="0.2">
      <c r="B11" s="618" t="s">
        <v>247</v>
      </c>
      <c r="C11" s="619"/>
      <c r="D11" s="619"/>
      <c r="E11" s="619"/>
      <c r="F11" s="619"/>
      <c r="G11" s="619"/>
      <c r="H11" s="619"/>
      <c r="I11" s="619"/>
      <c r="J11" s="619"/>
      <c r="K11" s="619"/>
      <c r="L11" s="619"/>
      <c r="M11" s="619"/>
      <c r="N11" s="619"/>
      <c r="O11" s="619"/>
      <c r="P11" s="619"/>
      <c r="Q11" s="620"/>
      <c r="R11" s="621">
        <v>251378</v>
      </c>
      <c r="S11" s="622"/>
      <c r="T11" s="622"/>
      <c r="U11" s="622"/>
      <c r="V11" s="622"/>
      <c r="W11" s="622"/>
      <c r="X11" s="622"/>
      <c r="Y11" s="623"/>
      <c r="Z11" s="624">
        <v>4.4000000000000004</v>
      </c>
      <c r="AA11" s="625"/>
      <c r="AB11" s="625"/>
      <c r="AC11" s="626"/>
      <c r="AD11" s="627">
        <v>251378</v>
      </c>
      <c r="AE11" s="622"/>
      <c r="AF11" s="622"/>
      <c r="AG11" s="622"/>
      <c r="AH11" s="622"/>
      <c r="AI11" s="622"/>
      <c r="AJ11" s="622"/>
      <c r="AK11" s="623"/>
      <c r="AL11" s="624">
        <v>7.8</v>
      </c>
      <c r="AM11" s="625"/>
      <c r="AN11" s="625"/>
      <c r="AO11" s="661"/>
      <c r="AP11" s="618" t="s">
        <v>248</v>
      </c>
      <c r="AQ11" s="619"/>
      <c r="AR11" s="619"/>
      <c r="AS11" s="619"/>
      <c r="AT11" s="619"/>
      <c r="AU11" s="619"/>
      <c r="AV11" s="619"/>
      <c r="AW11" s="619"/>
      <c r="AX11" s="619"/>
      <c r="AY11" s="619"/>
      <c r="AZ11" s="619"/>
      <c r="BA11" s="619"/>
      <c r="BB11" s="619"/>
      <c r="BC11" s="619"/>
      <c r="BD11" s="619"/>
      <c r="BE11" s="619"/>
      <c r="BF11" s="620"/>
      <c r="BG11" s="621">
        <v>40181</v>
      </c>
      <c r="BH11" s="622"/>
      <c r="BI11" s="622"/>
      <c r="BJ11" s="622"/>
      <c r="BK11" s="622"/>
      <c r="BL11" s="622"/>
      <c r="BM11" s="622"/>
      <c r="BN11" s="623"/>
      <c r="BO11" s="659">
        <v>2.6</v>
      </c>
      <c r="BP11" s="659"/>
      <c r="BQ11" s="659"/>
      <c r="BR11" s="659"/>
      <c r="BS11" s="660" t="s">
        <v>129</v>
      </c>
      <c r="BT11" s="660"/>
      <c r="BU11" s="660"/>
      <c r="BV11" s="660"/>
      <c r="BW11" s="660"/>
      <c r="BX11" s="660"/>
      <c r="BY11" s="660"/>
      <c r="BZ11" s="660"/>
      <c r="CA11" s="660"/>
      <c r="CB11" s="695"/>
      <c r="CD11" s="618" t="s">
        <v>249</v>
      </c>
      <c r="CE11" s="619"/>
      <c r="CF11" s="619"/>
      <c r="CG11" s="619"/>
      <c r="CH11" s="619"/>
      <c r="CI11" s="619"/>
      <c r="CJ11" s="619"/>
      <c r="CK11" s="619"/>
      <c r="CL11" s="619"/>
      <c r="CM11" s="619"/>
      <c r="CN11" s="619"/>
      <c r="CO11" s="619"/>
      <c r="CP11" s="619"/>
      <c r="CQ11" s="620"/>
      <c r="CR11" s="621">
        <v>108475</v>
      </c>
      <c r="CS11" s="622"/>
      <c r="CT11" s="622"/>
      <c r="CU11" s="622"/>
      <c r="CV11" s="622"/>
      <c r="CW11" s="622"/>
      <c r="CX11" s="622"/>
      <c r="CY11" s="623"/>
      <c r="CZ11" s="659">
        <v>2.1</v>
      </c>
      <c r="DA11" s="659"/>
      <c r="DB11" s="659"/>
      <c r="DC11" s="659"/>
      <c r="DD11" s="627">
        <v>3691</v>
      </c>
      <c r="DE11" s="622"/>
      <c r="DF11" s="622"/>
      <c r="DG11" s="622"/>
      <c r="DH11" s="622"/>
      <c r="DI11" s="622"/>
      <c r="DJ11" s="622"/>
      <c r="DK11" s="622"/>
      <c r="DL11" s="622"/>
      <c r="DM11" s="622"/>
      <c r="DN11" s="622"/>
      <c r="DO11" s="622"/>
      <c r="DP11" s="623"/>
      <c r="DQ11" s="627">
        <v>80943</v>
      </c>
      <c r="DR11" s="622"/>
      <c r="DS11" s="622"/>
      <c r="DT11" s="622"/>
      <c r="DU11" s="622"/>
      <c r="DV11" s="622"/>
      <c r="DW11" s="622"/>
      <c r="DX11" s="622"/>
      <c r="DY11" s="622"/>
      <c r="DZ11" s="622"/>
      <c r="EA11" s="622"/>
      <c r="EB11" s="622"/>
      <c r="EC11" s="658"/>
    </row>
    <row r="12" spans="2:143" ht="11.25" customHeight="1" x14ac:dyDescent="0.2">
      <c r="B12" s="618" t="s">
        <v>250</v>
      </c>
      <c r="C12" s="619"/>
      <c r="D12" s="619"/>
      <c r="E12" s="619"/>
      <c r="F12" s="619"/>
      <c r="G12" s="619"/>
      <c r="H12" s="619"/>
      <c r="I12" s="619"/>
      <c r="J12" s="619"/>
      <c r="K12" s="619"/>
      <c r="L12" s="619"/>
      <c r="M12" s="619"/>
      <c r="N12" s="619"/>
      <c r="O12" s="619"/>
      <c r="P12" s="619"/>
      <c r="Q12" s="620"/>
      <c r="R12" s="621">
        <v>53241</v>
      </c>
      <c r="S12" s="622"/>
      <c r="T12" s="622"/>
      <c r="U12" s="622"/>
      <c r="V12" s="622"/>
      <c r="W12" s="622"/>
      <c r="X12" s="622"/>
      <c r="Y12" s="623"/>
      <c r="Z12" s="659">
        <v>0.9</v>
      </c>
      <c r="AA12" s="659"/>
      <c r="AB12" s="659"/>
      <c r="AC12" s="659"/>
      <c r="AD12" s="660">
        <v>53241</v>
      </c>
      <c r="AE12" s="660"/>
      <c r="AF12" s="660"/>
      <c r="AG12" s="660"/>
      <c r="AH12" s="660"/>
      <c r="AI12" s="660"/>
      <c r="AJ12" s="660"/>
      <c r="AK12" s="660"/>
      <c r="AL12" s="624">
        <v>1.7</v>
      </c>
      <c r="AM12" s="625"/>
      <c r="AN12" s="625"/>
      <c r="AO12" s="661"/>
      <c r="AP12" s="618" t="s">
        <v>251</v>
      </c>
      <c r="AQ12" s="619"/>
      <c r="AR12" s="619"/>
      <c r="AS12" s="619"/>
      <c r="AT12" s="619"/>
      <c r="AU12" s="619"/>
      <c r="AV12" s="619"/>
      <c r="AW12" s="619"/>
      <c r="AX12" s="619"/>
      <c r="AY12" s="619"/>
      <c r="AZ12" s="619"/>
      <c r="BA12" s="619"/>
      <c r="BB12" s="619"/>
      <c r="BC12" s="619"/>
      <c r="BD12" s="619"/>
      <c r="BE12" s="619"/>
      <c r="BF12" s="620"/>
      <c r="BG12" s="621">
        <v>778328</v>
      </c>
      <c r="BH12" s="622"/>
      <c r="BI12" s="622"/>
      <c r="BJ12" s="622"/>
      <c r="BK12" s="622"/>
      <c r="BL12" s="622"/>
      <c r="BM12" s="622"/>
      <c r="BN12" s="623"/>
      <c r="BO12" s="659">
        <v>50.4</v>
      </c>
      <c r="BP12" s="659"/>
      <c r="BQ12" s="659"/>
      <c r="BR12" s="659"/>
      <c r="BS12" s="660" t="s">
        <v>233</v>
      </c>
      <c r="BT12" s="660"/>
      <c r="BU12" s="660"/>
      <c r="BV12" s="660"/>
      <c r="BW12" s="660"/>
      <c r="BX12" s="660"/>
      <c r="BY12" s="660"/>
      <c r="BZ12" s="660"/>
      <c r="CA12" s="660"/>
      <c r="CB12" s="695"/>
      <c r="CD12" s="618" t="s">
        <v>252</v>
      </c>
      <c r="CE12" s="619"/>
      <c r="CF12" s="619"/>
      <c r="CG12" s="619"/>
      <c r="CH12" s="619"/>
      <c r="CI12" s="619"/>
      <c r="CJ12" s="619"/>
      <c r="CK12" s="619"/>
      <c r="CL12" s="619"/>
      <c r="CM12" s="619"/>
      <c r="CN12" s="619"/>
      <c r="CO12" s="619"/>
      <c r="CP12" s="619"/>
      <c r="CQ12" s="620"/>
      <c r="CR12" s="621">
        <v>105946</v>
      </c>
      <c r="CS12" s="622"/>
      <c r="CT12" s="622"/>
      <c r="CU12" s="622"/>
      <c r="CV12" s="622"/>
      <c r="CW12" s="622"/>
      <c r="CX12" s="622"/>
      <c r="CY12" s="623"/>
      <c r="CZ12" s="659">
        <v>2</v>
      </c>
      <c r="DA12" s="659"/>
      <c r="DB12" s="659"/>
      <c r="DC12" s="659"/>
      <c r="DD12" s="627">
        <v>1382</v>
      </c>
      <c r="DE12" s="622"/>
      <c r="DF12" s="622"/>
      <c r="DG12" s="622"/>
      <c r="DH12" s="622"/>
      <c r="DI12" s="622"/>
      <c r="DJ12" s="622"/>
      <c r="DK12" s="622"/>
      <c r="DL12" s="622"/>
      <c r="DM12" s="622"/>
      <c r="DN12" s="622"/>
      <c r="DO12" s="622"/>
      <c r="DP12" s="623"/>
      <c r="DQ12" s="627">
        <v>58740</v>
      </c>
      <c r="DR12" s="622"/>
      <c r="DS12" s="622"/>
      <c r="DT12" s="622"/>
      <c r="DU12" s="622"/>
      <c r="DV12" s="622"/>
      <c r="DW12" s="622"/>
      <c r="DX12" s="622"/>
      <c r="DY12" s="622"/>
      <c r="DZ12" s="622"/>
      <c r="EA12" s="622"/>
      <c r="EB12" s="622"/>
      <c r="EC12" s="658"/>
    </row>
    <row r="13" spans="2:143" ht="11.25" customHeight="1" x14ac:dyDescent="0.2">
      <c r="B13" s="618" t="s">
        <v>253</v>
      </c>
      <c r="C13" s="619"/>
      <c r="D13" s="619"/>
      <c r="E13" s="619"/>
      <c r="F13" s="619"/>
      <c r="G13" s="619"/>
      <c r="H13" s="619"/>
      <c r="I13" s="619"/>
      <c r="J13" s="619"/>
      <c r="K13" s="619"/>
      <c r="L13" s="619"/>
      <c r="M13" s="619"/>
      <c r="N13" s="619"/>
      <c r="O13" s="619"/>
      <c r="P13" s="619"/>
      <c r="Q13" s="620"/>
      <c r="R13" s="621" t="s">
        <v>233</v>
      </c>
      <c r="S13" s="622"/>
      <c r="T13" s="622"/>
      <c r="U13" s="622"/>
      <c r="V13" s="622"/>
      <c r="W13" s="622"/>
      <c r="X13" s="622"/>
      <c r="Y13" s="623"/>
      <c r="Z13" s="659" t="s">
        <v>129</v>
      </c>
      <c r="AA13" s="659"/>
      <c r="AB13" s="659"/>
      <c r="AC13" s="659"/>
      <c r="AD13" s="660" t="s">
        <v>129</v>
      </c>
      <c r="AE13" s="660"/>
      <c r="AF13" s="660"/>
      <c r="AG13" s="660"/>
      <c r="AH13" s="660"/>
      <c r="AI13" s="660"/>
      <c r="AJ13" s="660"/>
      <c r="AK13" s="660"/>
      <c r="AL13" s="624" t="s">
        <v>233</v>
      </c>
      <c r="AM13" s="625"/>
      <c r="AN13" s="625"/>
      <c r="AO13" s="661"/>
      <c r="AP13" s="618" t="s">
        <v>254</v>
      </c>
      <c r="AQ13" s="619"/>
      <c r="AR13" s="619"/>
      <c r="AS13" s="619"/>
      <c r="AT13" s="619"/>
      <c r="AU13" s="619"/>
      <c r="AV13" s="619"/>
      <c r="AW13" s="619"/>
      <c r="AX13" s="619"/>
      <c r="AY13" s="619"/>
      <c r="AZ13" s="619"/>
      <c r="BA13" s="619"/>
      <c r="BB13" s="619"/>
      <c r="BC13" s="619"/>
      <c r="BD13" s="619"/>
      <c r="BE13" s="619"/>
      <c r="BF13" s="620"/>
      <c r="BG13" s="621">
        <v>778033</v>
      </c>
      <c r="BH13" s="622"/>
      <c r="BI13" s="622"/>
      <c r="BJ13" s="622"/>
      <c r="BK13" s="622"/>
      <c r="BL13" s="622"/>
      <c r="BM13" s="622"/>
      <c r="BN13" s="623"/>
      <c r="BO13" s="659">
        <v>50.4</v>
      </c>
      <c r="BP13" s="659"/>
      <c r="BQ13" s="659"/>
      <c r="BR13" s="659"/>
      <c r="BS13" s="660" t="s">
        <v>233</v>
      </c>
      <c r="BT13" s="660"/>
      <c r="BU13" s="660"/>
      <c r="BV13" s="660"/>
      <c r="BW13" s="660"/>
      <c r="BX13" s="660"/>
      <c r="BY13" s="660"/>
      <c r="BZ13" s="660"/>
      <c r="CA13" s="660"/>
      <c r="CB13" s="695"/>
      <c r="CD13" s="618" t="s">
        <v>255</v>
      </c>
      <c r="CE13" s="619"/>
      <c r="CF13" s="619"/>
      <c r="CG13" s="619"/>
      <c r="CH13" s="619"/>
      <c r="CI13" s="619"/>
      <c r="CJ13" s="619"/>
      <c r="CK13" s="619"/>
      <c r="CL13" s="619"/>
      <c r="CM13" s="619"/>
      <c r="CN13" s="619"/>
      <c r="CO13" s="619"/>
      <c r="CP13" s="619"/>
      <c r="CQ13" s="620"/>
      <c r="CR13" s="621">
        <v>425785</v>
      </c>
      <c r="CS13" s="622"/>
      <c r="CT13" s="622"/>
      <c r="CU13" s="622"/>
      <c r="CV13" s="622"/>
      <c r="CW13" s="622"/>
      <c r="CX13" s="622"/>
      <c r="CY13" s="623"/>
      <c r="CZ13" s="659">
        <v>8.1</v>
      </c>
      <c r="DA13" s="659"/>
      <c r="DB13" s="659"/>
      <c r="DC13" s="659"/>
      <c r="DD13" s="627">
        <v>77744</v>
      </c>
      <c r="DE13" s="622"/>
      <c r="DF13" s="622"/>
      <c r="DG13" s="622"/>
      <c r="DH13" s="622"/>
      <c r="DI13" s="622"/>
      <c r="DJ13" s="622"/>
      <c r="DK13" s="622"/>
      <c r="DL13" s="622"/>
      <c r="DM13" s="622"/>
      <c r="DN13" s="622"/>
      <c r="DO13" s="622"/>
      <c r="DP13" s="623"/>
      <c r="DQ13" s="627">
        <v>347788</v>
      </c>
      <c r="DR13" s="622"/>
      <c r="DS13" s="622"/>
      <c r="DT13" s="622"/>
      <c r="DU13" s="622"/>
      <c r="DV13" s="622"/>
      <c r="DW13" s="622"/>
      <c r="DX13" s="622"/>
      <c r="DY13" s="622"/>
      <c r="DZ13" s="622"/>
      <c r="EA13" s="622"/>
      <c r="EB13" s="622"/>
      <c r="EC13" s="658"/>
    </row>
    <row r="14" spans="2:143" ht="11.25" customHeight="1" x14ac:dyDescent="0.2">
      <c r="B14" s="618" t="s">
        <v>256</v>
      </c>
      <c r="C14" s="619"/>
      <c r="D14" s="619"/>
      <c r="E14" s="619"/>
      <c r="F14" s="619"/>
      <c r="G14" s="619"/>
      <c r="H14" s="619"/>
      <c r="I14" s="619"/>
      <c r="J14" s="619"/>
      <c r="K14" s="619"/>
      <c r="L14" s="619"/>
      <c r="M14" s="619"/>
      <c r="N14" s="619"/>
      <c r="O14" s="619"/>
      <c r="P14" s="619"/>
      <c r="Q14" s="620"/>
      <c r="R14" s="621">
        <v>58</v>
      </c>
      <c r="S14" s="622"/>
      <c r="T14" s="622"/>
      <c r="U14" s="622"/>
      <c r="V14" s="622"/>
      <c r="W14" s="622"/>
      <c r="X14" s="622"/>
      <c r="Y14" s="623"/>
      <c r="Z14" s="659">
        <v>0</v>
      </c>
      <c r="AA14" s="659"/>
      <c r="AB14" s="659"/>
      <c r="AC14" s="659"/>
      <c r="AD14" s="660">
        <v>58</v>
      </c>
      <c r="AE14" s="660"/>
      <c r="AF14" s="660"/>
      <c r="AG14" s="660"/>
      <c r="AH14" s="660"/>
      <c r="AI14" s="660"/>
      <c r="AJ14" s="660"/>
      <c r="AK14" s="660"/>
      <c r="AL14" s="624">
        <v>0</v>
      </c>
      <c r="AM14" s="625"/>
      <c r="AN14" s="625"/>
      <c r="AO14" s="661"/>
      <c r="AP14" s="618" t="s">
        <v>257</v>
      </c>
      <c r="AQ14" s="619"/>
      <c r="AR14" s="619"/>
      <c r="AS14" s="619"/>
      <c r="AT14" s="619"/>
      <c r="AU14" s="619"/>
      <c r="AV14" s="619"/>
      <c r="AW14" s="619"/>
      <c r="AX14" s="619"/>
      <c r="AY14" s="619"/>
      <c r="AZ14" s="619"/>
      <c r="BA14" s="619"/>
      <c r="BB14" s="619"/>
      <c r="BC14" s="619"/>
      <c r="BD14" s="619"/>
      <c r="BE14" s="619"/>
      <c r="BF14" s="620"/>
      <c r="BG14" s="621">
        <v>31517</v>
      </c>
      <c r="BH14" s="622"/>
      <c r="BI14" s="622"/>
      <c r="BJ14" s="622"/>
      <c r="BK14" s="622"/>
      <c r="BL14" s="622"/>
      <c r="BM14" s="622"/>
      <c r="BN14" s="623"/>
      <c r="BO14" s="659">
        <v>2</v>
      </c>
      <c r="BP14" s="659"/>
      <c r="BQ14" s="659"/>
      <c r="BR14" s="659"/>
      <c r="BS14" s="660" t="s">
        <v>233</v>
      </c>
      <c r="BT14" s="660"/>
      <c r="BU14" s="660"/>
      <c r="BV14" s="660"/>
      <c r="BW14" s="660"/>
      <c r="BX14" s="660"/>
      <c r="BY14" s="660"/>
      <c r="BZ14" s="660"/>
      <c r="CA14" s="660"/>
      <c r="CB14" s="695"/>
      <c r="CD14" s="618" t="s">
        <v>258</v>
      </c>
      <c r="CE14" s="619"/>
      <c r="CF14" s="619"/>
      <c r="CG14" s="619"/>
      <c r="CH14" s="619"/>
      <c r="CI14" s="619"/>
      <c r="CJ14" s="619"/>
      <c r="CK14" s="619"/>
      <c r="CL14" s="619"/>
      <c r="CM14" s="619"/>
      <c r="CN14" s="619"/>
      <c r="CO14" s="619"/>
      <c r="CP14" s="619"/>
      <c r="CQ14" s="620"/>
      <c r="CR14" s="621">
        <v>227462</v>
      </c>
      <c r="CS14" s="622"/>
      <c r="CT14" s="622"/>
      <c r="CU14" s="622"/>
      <c r="CV14" s="622"/>
      <c r="CW14" s="622"/>
      <c r="CX14" s="622"/>
      <c r="CY14" s="623"/>
      <c r="CZ14" s="659">
        <v>4.3</v>
      </c>
      <c r="DA14" s="659"/>
      <c r="DB14" s="659"/>
      <c r="DC14" s="659"/>
      <c r="DD14" s="627">
        <v>18989</v>
      </c>
      <c r="DE14" s="622"/>
      <c r="DF14" s="622"/>
      <c r="DG14" s="622"/>
      <c r="DH14" s="622"/>
      <c r="DI14" s="622"/>
      <c r="DJ14" s="622"/>
      <c r="DK14" s="622"/>
      <c r="DL14" s="622"/>
      <c r="DM14" s="622"/>
      <c r="DN14" s="622"/>
      <c r="DO14" s="622"/>
      <c r="DP14" s="623"/>
      <c r="DQ14" s="627">
        <v>206918</v>
      </c>
      <c r="DR14" s="622"/>
      <c r="DS14" s="622"/>
      <c r="DT14" s="622"/>
      <c r="DU14" s="622"/>
      <c r="DV14" s="622"/>
      <c r="DW14" s="622"/>
      <c r="DX14" s="622"/>
      <c r="DY14" s="622"/>
      <c r="DZ14" s="622"/>
      <c r="EA14" s="622"/>
      <c r="EB14" s="622"/>
      <c r="EC14" s="658"/>
    </row>
    <row r="15" spans="2:143" ht="11.25" customHeight="1" x14ac:dyDescent="0.2">
      <c r="B15" s="618" t="s">
        <v>259</v>
      </c>
      <c r="C15" s="619"/>
      <c r="D15" s="619"/>
      <c r="E15" s="619"/>
      <c r="F15" s="619"/>
      <c r="G15" s="619"/>
      <c r="H15" s="619"/>
      <c r="I15" s="619"/>
      <c r="J15" s="619"/>
      <c r="K15" s="619"/>
      <c r="L15" s="619"/>
      <c r="M15" s="619"/>
      <c r="N15" s="619"/>
      <c r="O15" s="619"/>
      <c r="P15" s="619"/>
      <c r="Q15" s="620"/>
      <c r="R15" s="621" t="s">
        <v>129</v>
      </c>
      <c r="S15" s="622"/>
      <c r="T15" s="622"/>
      <c r="U15" s="622"/>
      <c r="V15" s="622"/>
      <c r="W15" s="622"/>
      <c r="X15" s="622"/>
      <c r="Y15" s="623"/>
      <c r="Z15" s="659" t="s">
        <v>129</v>
      </c>
      <c r="AA15" s="659"/>
      <c r="AB15" s="659"/>
      <c r="AC15" s="659"/>
      <c r="AD15" s="660" t="s">
        <v>233</v>
      </c>
      <c r="AE15" s="660"/>
      <c r="AF15" s="660"/>
      <c r="AG15" s="660"/>
      <c r="AH15" s="660"/>
      <c r="AI15" s="660"/>
      <c r="AJ15" s="660"/>
      <c r="AK15" s="660"/>
      <c r="AL15" s="624" t="s">
        <v>233</v>
      </c>
      <c r="AM15" s="625"/>
      <c r="AN15" s="625"/>
      <c r="AO15" s="661"/>
      <c r="AP15" s="618" t="s">
        <v>260</v>
      </c>
      <c r="AQ15" s="619"/>
      <c r="AR15" s="619"/>
      <c r="AS15" s="619"/>
      <c r="AT15" s="619"/>
      <c r="AU15" s="619"/>
      <c r="AV15" s="619"/>
      <c r="AW15" s="619"/>
      <c r="AX15" s="619"/>
      <c r="AY15" s="619"/>
      <c r="AZ15" s="619"/>
      <c r="BA15" s="619"/>
      <c r="BB15" s="619"/>
      <c r="BC15" s="619"/>
      <c r="BD15" s="619"/>
      <c r="BE15" s="619"/>
      <c r="BF15" s="620"/>
      <c r="BG15" s="621">
        <v>52045</v>
      </c>
      <c r="BH15" s="622"/>
      <c r="BI15" s="622"/>
      <c r="BJ15" s="622"/>
      <c r="BK15" s="622"/>
      <c r="BL15" s="622"/>
      <c r="BM15" s="622"/>
      <c r="BN15" s="623"/>
      <c r="BO15" s="659">
        <v>3.4</v>
      </c>
      <c r="BP15" s="659"/>
      <c r="BQ15" s="659"/>
      <c r="BR15" s="659"/>
      <c r="BS15" s="660" t="s">
        <v>129</v>
      </c>
      <c r="BT15" s="660"/>
      <c r="BU15" s="660"/>
      <c r="BV15" s="660"/>
      <c r="BW15" s="660"/>
      <c r="BX15" s="660"/>
      <c r="BY15" s="660"/>
      <c r="BZ15" s="660"/>
      <c r="CA15" s="660"/>
      <c r="CB15" s="695"/>
      <c r="CD15" s="618" t="s">
        <v>261</v>
      </c>
      <c r="CE15" s="619"/>
      <c r="CF15" s="619"/>
      <c r="CG15" s="619"/>
      <c r="CH15" s="619"/>
      <c r="CI15" s="619"/>
      <c r="CJ15" s="619"/>
      <c r="CK15" s="619"/>
      <c r="CL15" s="619"/>
      <c r="CM15" s="619"/>
      <c r="CN15" s="619"/>
      <c r="CO15" s="619"/>
      <c r="CP15" s="619"/>
      <c r="CQ15" s="620"/>
      <c r="CR15" s="621">
        <v>1044668</v>
      </c>
      <c r="CS15" s="622"/>
      <c r="CT15" s="622"/>
      <c r="CU15" s="622"/>
      <c r="CV15" s="622"/>
      <c r="CW15" s="622"/>
      <c r="CX15" s="622"/>
      <c r="CY15" s="623"/>
      <c r="CZ15" s="659">
        <v>19.8</v>
      </c>
      <c r="DA15" s="659"/>
      <c r="DB15" s="659"/>
      <c r="DC15" s="659"/>
      <c r="DD15" s="627">
        <v>641881</v>
      </c>
      <c r="DE15" s="622"/>
      <c r="DF15" s="622"/>
      <c r="DG15" s="622"/>
      <c r="DH15" s="622"/>
      <c r="DI15" s="622"/>
      <c r="DJ15" s="622"/>
      <c r="DK15" s="622"/>
      <c r="DL15" s="622"/>
      <c r="DM15" s="622"/>
      <c r="DN15" s="622"/>
      <c r="DO15" s="622"/>
      <c r="DP15" s="623"/>
      <c r="DQ15" s="627">
        <v>416833</v>
      </c>
      <c r="DR15" s="622"/>
      <c r="DS15" s="622"/>
      <c r="DT15" s="622"/>
      <c r="DU15" s="622"/>
      <c r="DV15" s="622"/>
      <c r="DW15" s="622"/>
      <c r="DX15" s="622"/>
      <c r="DY15" s="622"/>
      <c r="DZ15" s="622"/>
      <c r="EA15" s="622"/>
      <c r="EB15" s="622"/>
      <c r="EC15" s="658"/>
    </row>
    <row r="16" spans="2:143" ht="11.25" customHeight="1" x14ac:dyDescent="0.2">
      <c r="B16" s="618" t="s">
        <v>262</v>
      </c>
      <c r="C16" s="619"/>
      <c r="D16" s="619"/>
      <c r="E16" s="619"/>
      <c r="F16" s="619"/>
      <c r="G16" s="619"/>
      <c r="H16" s="619"/>
      <c r="I16" s="619"/>
      <c r="J16" s="619"/>
      <c r="K16" s="619"/>
      <c r="L16" s="619"/>
      <c r="M16" s="619"/>
      <c r="N16" s="619"/>
      <c r="O16" s="619"/>
      <c r="P16" s="619"/>
      <c r="Q16" s="620"/>
      <c r="R16" s="621">
        <v>6079</v>
      </c>
      <c r="S16" s="622"/>
      <c r="T16" s="622"/>
      <c r="U16" s="622"/>
      <c r="V16" s="622"/>
      <c r="W16" s="622"/>
      <c r="X16" s="622"/>
      <c r="Y16" s="623"/>
      <c r="Z16" s="659">
        <v>0.1</v>
      </c>
      <c r="AA16" s="659"/>
      <c r="AB16" s="659"/>
      <c r="AC16" s="659"/>
      <c r="AD16" s="660">
        <v>6079</v>
      </c>
      <c r="AE16" s="660"/>
      <c r="AF16" s="660"/>
      <c r="AG16" s="660"/>
      <c r="AH16" s="660"/>
      <c r="AI16" s="660"/>
      <c r="AJ16" s="660"/>
      <c r="AK16" s="660"/>
      <c r="AL16" s="624">
        <v>0.2</v>
      </c>
      <c r="AM16" s="625"/>
      <c r="AN16" s="625"/>
      <c r="AO16" s="661"/>
      <c r="AP16" s="618" t="s">
        <v>263</v>
      </c>
      <c r="AQ16" s="619"/>
      <c r="AR16" s="619"/>
      <c r="AS16" s="619"/>
      <c r="AT16" s="619"/>
      <c r="AU16" s="619"/>
      <c r="AV16" s="619"/>
      <c r="AW16" s="619"/>
      <c r="AX16" s="619"/>
      <c r="AY16" s="619"/>
      <c r="AZ16" s="619"/>
      <c r="BA16" s="619"/>
      <c r="BB16" s="619"/>
      <c r="BC16" s="619"/>
      <c r="BD16" s="619"/>
      <c r="BE16" s="619"/>
      <c r="BF16" s="620"/>
      <c r="BG16" s="621" t="s">
        <v>233</v>
      </c>
      <c r="BH16" s="622"/>
      <c r="BI16" s="622"/>
      <c r="BJ16" s="622"/>
      <c r="BK16" s="622"/>
      <c r="BL16" s="622"/>
      <c r="BM16" s="622"/>
      <c r="BN16" s="623"/>
      <c r="BO16" s="659" t="s">
        <v>129</v>
      </c>
      <c r="BP16" s="659"/>
      <c r="BQ16" s="659"/>
      <c r="BR16" s="659"/>
      <c r="BS16" s="660" t="s">
        <v>233</v>
      </c>
      <c r="BT16" s="660"/>
      <c r="BU16" s="660"/>
      <c r="BV16" s="660"/>
      <c r="BW16" s="660"/>
      <c r="BX16" s="660"/>
      <c r="BY16" s="660"/>
      <c r="BZ16" s="660"/>
      <c r="CA16" s="660"/>
      <c r="CB16" s="695"/>
      <c r="CD16" s="618" t="s">
        <v>264</v>
      </c>
      <c r="CE16" s="619"/>
      <c r="CF16" s="619"/>
      <c r="CG16" s="619"/>
      <c r="CH16" s="619"/>
      <c r="CI16" s="619"/>
      <c r="CJ16" s="619"/>
      <c r="CK16" s="619"/>
      <c r="CL16" s="619"/>
      <c r="CM16" s="619"/>
      <c r="CN16" s="619"/>
      <c r="CO16" s="619"/>
      <c r="CP16" s="619"/>
      <c r="CQ16" s="620"/>
      <c r="CR16" s="621" t="s">
        <v>233</v>
      </c>
      <c r="CS16" s="622"/>
      <c r="CT16" s="622"/>
      <c r="CU16" s="622"/>
      <c r="CV16" s="622"/>
      <c r="CW16" s="622"/>
      <c r="CX16" s="622"/>
      <c r="CY16" s="623"/>
      <c r="CZ16" s="659" t="s">
        <v>129</v>
      </c>
      <c r="DA16" s="659"/>
      <c r="DB16" s="659"/>
      <c r="DC16" s="659"/>
      <c r="DD16" s="627" t="s">
        <v>129</v>
      </c>
      <c r="DE16" s="622"/>
      <c r="DF16" s="622"/>
      <c r="DG16" s="622"/>
      <c r="DH16" s="622"/>
      <c r="DI16" s="622"/>
      <c r="DJ16" s="622"/>
      <c r="DK16" s="622"/>
      <c r="DL16" s="622"/>
      <c r="DM16" s="622"/>
      <c r="DN16" s="622"/>
      <c r="DO16" s="622"/>
      <c r="DP16" s="623"/>
      <c r="DQ16" s="627" t="s">
        <v>129</v>
      </c>
      <c r="DR16" s="622"/>
      <c r="DS16" s="622"/>
      <c r="DT16" s="622"/>
      <c r="DU16" s="622"/>
      <c r="DV16" s="622"/>
      <c r="DW16" s="622"/>
      <c r="DX16" s="622"/>
      <c r="DY16" s="622"/>
      <c r="DZ16" s="622"/>
      <c r="EA16" s="622"/>
      <c r="EB16" s="622"/>
      <c r="EC16" s="658"/>
    </row>
    <row r="17" spans="2:133" ht="11.25" customHeight="1" x14ac:dyDescent="0.2">
      <c r="B17" s="618" t="s">
        <v>265</v>
      </c>
      <c r="C17" s="619"/>
      <c r="D17" s="619"/>
      <c r="E17" s="619"/>
      <c r="F17" s="619"/>
      <c r="G17" s="619"/>
      <c r="H17" s="619"/>
      <c r="I17" s="619"/>
      <c r="J17" s="619"/>
      <c r="K17" s="619"/>
      <c r="L17" s="619"/>
      <c r="M17" s="619"/>
      <c r="N17" s="619"/>
      <c r="O17" s="619"/>
      <c r="P17" s="619"/>
      <c r="Q17" s="620"/>
      <c r="R17" s="621">
        <v>23119</v>
      </c>
      <c r="S17" s="622"/>
      <c r="T17" s="622"/>
      <c r="U17" s="622"/>
      <c r="V17" s="622"/>
      <c r="W17" s="622"/>
      <c r="X17" s="622"/>
      <c r="Y17" s="623"/>
      <c r="Z17" s="659">
        <v>0.4</v>
      </c>
      <c r="AA17" s="659"/>
      <c r="AB17" s="659"/>
      <c r="AC17" s="659"/>
      <c r="AD17" s="660">
        <v>23119</v>
      </c>
      <c r="AE17" s="660"/>
      <c r="AF17" s="660"/>
      <c r="AG17" s="660"/>
      <c r="AH17" s="660"/>
      <c r="AI17" s="660"/>
      <c r="AJ17" s="660"/>
      <c r="AK17" s="660"/>
      <c r="AL17" s="624">
        <v>0.7</v>
      </c>
      <c r="AM17" s="625"/>
      <c r="AN17" s="625"/>
      <c r="AO17" s="661"/>
      <c r="AP17" s="618" t="s">
        <v>266</v>
      </c>
      <c r="AQ17" s="619"/>
      <c r="AR17" s="619"/>
      <c r="AS17" s="619"/>
      <c r="AT17" s="619"/>
      <c r="AU17" s="619"/>
      <c r="AV17" s="619"/>
      <c r="AW17" s="619"/>
      <c r="AX17" s="619"/>
      <c r="AY17" s="619"/>
      <c r="AZ17" s="619"/>
      <c r="BA17" s="619"/>
      <c r="BB17" s="619"/>
      <c r="BC17" s="619"/>
      <c r="BD17" s="619"/>
      <c r="BE17" s="619"/>
      <c r="BF17" s="620"/>
      <c r="BG17" s="621" t="s">
        <v>129</v>
      </c>
      <c r="BH17" s="622"/>
      <c r="BI17" s="622"/>
      <c r="BJ17" s="622"/>
      <c r="BK17" s="622"/>
      <c r="BL17" s="622"/>
      <c r="BM17" s="622"/>
      <c r="BN17" s="623"/>
      <c r="BO17" s="659" t="s">
        <v>233</v>
      </c>
      <c r="BP17" s="659"/>
      <c r="BQ17" s="659"/>
      <c r="BR17" s="659"/>
      <c r="BS17" s="660" t="s">
        <v>129</v>
      </c>
      <c r="BT17" s="660"/>
      <c r="BU17" s="660"/>
      <c r="BV17" s="660"/>
      <c r="BW17" s="660"/>
      <c r="BX17" s="660"/>
      <c r="BY17" s="660"/>
      <c r="BZ17" s="660"/>
      <c r="CA17" s="660"/>
      <c r="CB17" s="695"/>
      <c r="CD17" s="618" t="s">
        <v>267</v>
      </c>
      <c r="CE17" s="619"/>
      <c r="CF17" s="619"/>
      <c r="CG17" s="619"/>
      <c r="CH17" s="619"/>
      <c r="CI17" s="619"/>
      <c r="CJ17" s="619"/>
      <c r="CK17" s="619"/>
      <c r="CL17" s="619"/>
      <c r="CM17" s="619"/>
      <c r="CN17" s="619"/>
      <c r="CO17" s="619"/>
      <c r="CP17" s="619"/>
      <c r="CQ17" s="620"/>
      <c r="CR17" s="621">
        <v>428614</v>
      </c>
      <c r="CS17" s="622"/>
      <c r="CT17" s="622"/>
      <c r="CU17" s="622"/>
      <c r="CV17" s="622"/>
      <c r="CW17" s="622"/>
      <c r="CX17" s="622"/>
      <c r="CY17" s="623"/>
      <c r="CZ17" s="659">
        <v>8.1</v>
      </c>
      <c r="DA17" s="659"/>
      <c r="DB17" s="659"/>
      <c r="DC17" s="659"/>
      <c r="DD17" s="627" t="s">
        <v>129</v>
      </c>
      <c r="DE17" s="622"/>
      <c r="DF17" s="622"/>
      <c r="DG17" s="622"/>
      <c r="DH17" s="622"/>
      <c r="DI17" s="622"/>
      <c r="DJ17" s="622"/>
      <c r="DK17" s="622"/>
      <c r="DL17" s="622"/>
      <c r="DM17" s="622"/>
      <c r="DN17" s="622"/>
      <c r="DO17" s="622"/>
      <c r="DP17" s="623"/>
      <c r="DQ17" s="627">
        <v>428614</v>
      </c>
      <c r="DR17" s="622"/>
      <c r="DS17" s="622"/>
      <c r="DT17" s="622"/>
      <c r="DU17" s="622"/>
      <c r="DV17" s="622"/>
      <c r="DW17" s="622"/>
      <c r="DX17" s="622"/>
      <c r="DY17" s="622"/>
      <c r="DZ17" s="622"/>
      <c r="EA17" s="622"/>
      <c r="EB17" s="622"/>
      <c r="EC17" s="658"/>
    </row>
    <row r="18" spans="2:133" ht="11.25" customHeight="1" x14ac:dyDescent="0.2">
      <c r="B18" s="618" t="s">
        <v>268</v>
      </c>
      <c r="C18" s="619"/>
      <c r="D18" s="619"/>
      <c r="E18" s="619"/>
      <c r="F18" s="619"/>
      <c r="G18" s="619"/>
      <c r="H18" s="619"/>
      <c r="I18" s="619"/>
      <c r="J18" s="619"/>
      <c r="K18" s="619"/>
      <c r="L18" s="619"/>
      <c r="M18" s="619"/>
      <c r="N18" s="619"/>
      <c r="O18" s="619"/>
      <c r="P18" s="619"/>
      <c r="Q18" s="620"/>
      <c r="R18" s="621">
        <v>9870</v>
      </c>
      <c r="S18" s="622"/>
      <c r="T18" s="622"/>
      <c r="U18" s="622"/>
      <c r="V18" s="622"/>
      <c r="W18" s="622"/>
      <c r="X18" s="622"/>
      <c r="Y18" s="623"/>
      <c r="Z18" s="659">
        <v>0.2</v>
      </c>
      <c r="AA18" s="659"/>
      <c r="AB18" s="659"/>
      <c r="AC18" s="659"/>
      <c r="AD18" s="660">
        <v>9870</v>
      </c>
      <c r="AE18" s="660"/>
      <c r="AF18" s="660"/>
      <c r="AG18" s="660"/>
      <c r="AH18" s="660"/>
      <c r="AI18" s="660"/>
      <c r="AJ18" s="660"/>
      <c r="AK18" s="660"/>
      <c r="AL18" s="624">
        <v>0.3</v>
      </c>
      <c r="AM18" s="625"/>
      <c r="AN18" s="625"/>
      <c r="AO18" s="661"/>
      <c r="AP18" s="618" t="s">
        <v>269</v>
      </c>
      <c r="AQ18" s="619"/>
      <c r="AR18" s="619"/>
      <c r="AS18" s="619"/>
      <c r="AT18" s="619"/>
      <c r="AU18" s="619"/>
      <c r="AV18" s="619"/>
      <c r="AW18" s="619"/>
      <c r="AX18" s="619"/>
      <c r="AY18" s="619"/>
      <c r="AZ18" s="619"/>
      <c r="BA18" s="619"/>
      <c r="BB18" s="619"/>
      <c r="BC18" s="619"/>
      <c r="BD18" s="619"/>
      <c r="BE18" s="619"/>
      <c r="BF18" s="620"/>
      <c r="BG18" s="621" t="s">
        <v>233</v>
      </c>
      <c r="BH18" s="622"/>
      <c r="BI18" s="622"/>
      <c r="BJ18" s="622"/>
      <c r="BK18" s="622"/>
      <c r="BL18" s="622"/>
      <c r="BM18" s="622"/>
      <c r="BN18" s="623"/>
      <c r="BO18" s="659" t="s">
        <v>129</v>
      </c>
      <c r="BP18" s="659"/>
      <c r="BQ18" s="659"/>
      <c r="BR18" s="659"/>
      <c r="BS18" s="660" t="s">
        <v>233</v>
      </c>
      <c r="BT18" s="660"/>
      <c r="BU18" s="660"/>
      <c r="BV18" s="660"/>
      <c r="BW18" s="660"/>
      <c r="BX18" s="660"/>
      <c r="BY18" s="660"/>
      <c r="BZ18" s="660"/>
      <c r="CA18" s="660"/>
      <c r="CB18" s="695"/>
      <c r="CD18" s="618" t="s">
        <v>270</v>
      </c>
      <c r="CE18" s="619"/>
      <c r="CF18" s="619"/>
      <c r="CG18" s="619"/>
      <c r="CH18" s="619"/>
      <c r="CI18" s="619"/>
      <c r="CJ18" s="619"/>
      <c r="CK18" s="619"/>
      <c r="CL18" s="619"/>
      <c r="CM18" s="619"/>
      <c r="CN18" s="619"/>
      <c r="CO18" s="619"/>
      <c r="CP18" s="619"/>
      <c r="CQ18" s="620"/>
      <c r="CR18" s="621" t="s">
        <v>233</v>
      </c>
      <c r="CS18" s="622"/>
      <c r="CT18" s="622"/>
      <c r="CU18" s="622"/>
      <c r="CV18" s="622"/>
      <c r="CW18" s="622"/>
      <c r="CX18" s="622"/>
      <c r="CY18" s="623"/>
      <c r="CZ18" s="659" t="s">
        <v>129</v>
      </c>
      <c r="DA18" s="659"/>
      <c r="DB18" s="659"/>
      <c r="DC18" s="659"/>
      <c r="DD18" s="627" t="s">
        <v>233</v>
      </c>
      <c r="DE18" s="622"/>
      <c r="DF18" s="622"/>
      <c r="DG18" s="622"/>
      <c r="DH18" s="622"/>
      <c r="DI18" s="622"/>
      <c r="DJ18" s="622"/>
      <c r="DK18" s="622"/>
      <c r="DL18" s="622"/>
      <c r="DM18" s="622"/>
      <c r="DN18" s="622"/>
      <c r="DO18" s="622"/>
      <c r="DP18" s="623"/>
      <c r="DQ18" s="627" t="s">
        <v>129</v>
      </c>
      <c r="DR18" s="622"/>
      <c r="DS18" s="622"/>
      <c r="DT18" s="622"/>
      <c r="DU18" s="622"/>
      <c r="DV18" s="622"/>
      <c r="DW18" s="622"/>
      <c r="DX18" s="622"/>
      <c r="DY18" s="622"/>
      <c r="DZ18" s="622"/>
      <c r="EA18" s="622"/>
      <c r="EB18" s="622"/>
      <c r="EC18" s="658"/>
    </row>
    <row r="19" spans="2:133" ht="11.25" customHeight="1" x14ac:dyDescent="0.2">
      <c r="B19" s="618" t="s">
        <v>271</v>
      </c>
      <c r="C19" s="619"/>
      <c r="D19" s="619"/>
      <c r="E19" s="619"/>
      <c r="F19" s="619"/>
      <c r="G19" s="619"/>
      <c r="H19" s="619"/>
      <c r="I19" s="619"/>
      <c r="J19" s="619"/>
      <c r="K19" s="619"/>
      <c r="L19" s="619"/>
      <c r="M19" s="619"/>
      <c r="N19" s="619"/>
      <c r="O19" s="619"/>
      <c r="P19" s="619"/>
      <c r="Q19" s="620"/>
      <c r="R19" s="621">
        <v>9870</v>
      </c>
      <c r="S19" s="622"/>
      <c r="T19" s="622"/>
      <c r="U19" s="622"/>
      <c r="V19" s="622"/>
      <c r="W19" s="622"/>
      <c r="X19" s="622"/>
      <c r="Y19" s="623"/>
      <c r="Z19" s="659">
        <v>0.2</v>
      </c>
      <c r="AA19" s="659"/>
      <c r="AB19" s="659"/>
      <c r="AC19" s="659"/>
      <c r="AD19" s="660">
        <v>9870</v>
      </c>
      <c r="AE19" s="660"/>
      <c r="AF19" s="660"/>
      <c r="AG19" s="660"/>
      <c r="AH19" s="660"/>
      <c r="AI19" s="660"/>
      <c r="AJ19" s="660"/>
      <c r="AK19" s="660"/>
      <c r="AL19" s="624">
        <v>0.3</v>
      </c>
      <c r="AM19" s="625"/>
      <c r="AN19" s="625"/>
      <c r="AO19" s="661"/>
      <c r="AP19" s="618" t="s">
        <v>272</v>
      </c>
      <c r="AQ19" s="619"/>
      <c r="AR19" s="619"/>
      <c r="AS19" s="619"/>
      <c r="AT19" s="619"/>
      <c r="AU19" s="619"/>
      <c r="AV19" s="619"/>
      <c r="AW19" s="619"/>
      <c r="AX19" s="619"/>
      <c r="AY19" s="619"/>
      <c r="AZ19" s="619"/>
      <c r="BA19" s="619"/>
      <c r="BB19" s="619"/>
      <c r="BC19" s="619"/>
      <c r="BD19" s="619"/>
      <c r="BE19" s="619"/>
      <c r="BF19" s="620"/>
      <c r="BG19" s="621" t="s">
        <v>129</v>
      </c>
      <c r="BH19" s="622"/>
      <c r="BI19" s="622"/>
      <c r="BJ19" s="622"/>
      <c r="BK19" s="622"/>
      <c r="BL19" s="622"/>
      <c r="BM19" s="622"/>
      <c r="BN19" s="623"/>
      <c r="BO19" s="659" t="s">
        <v>233</v>
      </c>
      <c r="BP19" s="659"/>
      <c r="BQ19" s="659"/>
      <c r="BR19" s="659"/>
      <c r="BS19" s="660" t="s">
        <v>233</v>
      </c>
      <c r="BT19" s="660"/>
      <c r="BU19" s="660"/>
      <c r="BV19" s="660"/>
      <c r="BW19" s="660"/>
      <c r="BX19" s="660"/>
      <c r="BY19" s="660"/>
      <c r="BZ19" s="660"/>
      <c r="CA19" s="660"/>
      <c r="CB19" s="695"/>
      <c r="CD19" s="618" t="s">
        <v>273</v>
      </c>
      <c r="CE19" s="619"/>
      <c r="CF19" s="619"/>
      <c r="CG19" s="619"/>
      <c r="CH19" s="619"/>
      <c r="CI19" s="619"/>
      <c r="CJ19" s="619"/>
      <c r="CK19" s="619"/>
      <c r="CL19" s="619"/>
      <c r="CM19" s="619"/>
      <c r="CN19" s="619"/>
      <c r="CO19" s="619"/>
      <c r="CP19" s="619"/>
      <c r="CQ19" s="620"/>
      <c r="CR19" s="621" t="s">
        <v>129</v>
      </c>
      <c r="CS19" s="622"/>
      <c r="CT19" s="622"/>
      <c r="CU19" s="622"/>
      <c r="CV19" s="622"/>
      <c r="CW19" s="622"/>
      <c r="CX19" s="622"/>
      <c r="CY19" s="623"/>
      <c r="CZ19" s="659" t="s">
        <v>129</v>
      </c>
      <c r="DA19" s="659"/>
      <c r="DB19" s="659"/>
      <c r="DC19" s="659"/>
      <c r="DD19" s="627" t="s">
        <v>129</v>
      </c>
      <c r="DE19" s="622"/>
      <c r="DF19" s="622"/>
      <c r="DG19" s="622"/>
      <c r="DH19" s="622"/>
      <c r="DI19" s="622"/>
      <c r="DJ19" s="622"/>
      <c r="DK19" s="622"/>
      <c r="DL19" s="622"/>
      <c r="DM19" s="622"/>
      <c r="DN19" s="622"/>
      <c r="DO19" s="622"/>
      <c r="DP19" s="623"/>
      <c r="DQ19" s="627" t="s">
        <v>233</v>
      </c>
      <c r="DR19" s="622"/>
      <c r="DS19" s="622"/>
      <c r="DT19" s="622"/>
      <c r="DU19" s="622"/>
      <c r="DV19" s="622"/>
      <c r="DW19" s="622"/>
      <c r="DX19" s="622"/>
      <c r="DY19" s="622"/>
      <c r="DZ19" s="622"/>
      <c r="EA19" s="622"/>
      <c r="EB19" s="622"/>
      <c r="EC19" s="658"/>
    </row>
    <row r="20" spans="2:133" ht="11.25" customHeight="1" x14ac:dyDescent="0.2">
      <c r="B20" s="696" t="s">
        <v>274</v>
      </c>
      <c r="C20" s="697"/>
      <c r="D20" s="697"/>
      <c r="E20" s="697"/>
      <c r="F20" s="697"/>
      <c r="G20" s="697"/>
      <c r="H20" s="697"/>
      <c r="I20" s="697"/>
      <c r="J20" s="697"/>
      <c r="K20" s="697"/>
      <c r="L20" s="697"/>
      <c r="M20" s="697"/>
      <c r="N20" s="697"/>
      <c r="O20" s="697"/>
      <c r="P20" s="697"/>
      <c r="Q20" s="698"/>
      <c r="R20" s="621" t="s">
        <v>129</v>
      </c>
      <c r="S20" s="622"/>
      <c r="T20" s="622"/>
      <c r="U20" s="622"/>
      <c r="V20" s="622"/>
      <c r="W20" s="622"/>
      <c r="X20" s="622"/>
      <c r="Y20" s="623"/>
      <c r="Z20" s="659" t="s">
        <v>129</v>
      </c>
      <c r="AA20" s="659"/>
      <c r="AB20" s="659"/>
      <c r="AC20" s="659"/>
      <c r="AD20" s="660" t="s">
        <v>129</v>
      </c>
      <c r="AE20" s="660"/>
      <c r="AF20" s="660"/>
      <c r="AG20" s="660"/>
      <c r="AH20" s="660"/>
      <c r="AI20" s="660"/>
      <c r="AJ20" s="660"/>
      <c r="AK20" s="660"/>
      <c r="AL20" s="624" t="s">
        <v>233</v>
      </c>
      <c r="AM20" s="625"/>
      <c r="AN20" s="625"/>
      <c r="AO20" s="661"/>
      <c r="AP20" s="618" t="s">
        <v>275</v>
      </c>
      <c r="AQ20" s="619"/>
      <c r="AR20" s="619"/>
      <c r="AS20" s="619"/>
      <c r="AT20" s="619"/>
      <c r="AU20" s="619"/>
      <c r="AV20" s="619"/>
      <c r="AW20" s="619"/>
      <c r="AX20" s="619"/>
      <c r="AY20" s="619"/>
      <c r="AZ20" s="619"/>
      <c r="BA20" s="619"/>
      <c r="BB20" s="619"/>
      <c r="BC20" s="619"/>
      <c r="BD20" s="619"/>
      <c r="BE20" s="619"/>
      <c r="BF20" s="620"/>
      <c r="BG20" s="621" t="s">
        <v>233</v>
      </c>
      <c r="BH20" s="622"/>
      <c r="BI20" s="622"/>
      <c r="BJ20" s="622"/>
      <c r="BK20" s="622"/>
      <c r="BL20" s="622"/>
      <c r="BM20" s="622"/>
      <c r="BN20" s="623"/>
      <c r="BO20" s="659" t="s">
        <v>233</v>
      </c>
      <c r="BP20" s="659"/>
      <c r="BQ20" s="659"/>
      <c r="BR20" s="659"/>
      <c r="BS20" s="660" t="s">
        <v>233</v>
      </c>
      <c r="BT20" s="660"/>
      <c r="BU20" s="660"/>
      <c r="BV20" s="660"/>
      <c r="BW20" s="660"/>
      <c r="BX20" s="660"/>
      <c r="BY20" s="660"/>
      <c r="BZ20" s="660"/>
      <c r="CA20" s="660"/>
      <c r="CB20" s="695"/>
      <c r="CD20" s="618" t="s">
        <v>276</v>
      </c>
      <c r="CE20" s="619"/>
      <c r="CF20" s="619"/>
      <c r="CG20" s="619"/>
      <c r="CH20" s="619"/>
      <c r="CI20" s="619"/>
      <c r="CJ20" s="619"/>
      <c r="CK20" s="619"/>
      <c r="CL20" s="619"/>
      <c r="CM20" s="619"/>
      <c r="CN20" s="619"/>
      <c r="CO20" s="619"/>
      <c r="CP20" s="619"/>
      <c r="CQ20" s="620"/>
      <c r="CR20" s="621">
        <v>5265852</v>
      </c>
      <c r="CS20" s="622"/>
      <c r="CT20" s="622"/>
      <c r="CU20" s="622"/>
      <c r="CV20" s="622"/>
      <c r="CW20" s="622"/>
      <c r="CX20" s="622"/>
      <c r="CY20" s="623"/>
      <c r="CZ20" s="659">
        <v>100</v>
      </c>
      <c r="DA20" s="659"/>
      <c r="DB20" s="659"/>
      <c r="DC20" s="659"/>
      <c r="DD20" s="627">
        <v>812344</v>
      </c>
      <c r="DE20" s="622"/>
      <c r="DF20" s="622"/>
      <c r="DG20" s="622"/>
      <c r="DH20" s="622"/>
      <c r="DI20" s="622"/>
      <c r="DJ20" s="622"/>
      <c r="DK20" s="622"/>
      <c r="DL20" s="622"/>
      <c r="DM20" s="622"/>
      <c r="DN20" s="622"/>
      <c r="DO20" s="622"/>
      <c r="DP20" s="623"/>
      <c r="DQ20" s="627">
        <v>3580242</v>
      </c>
      <c r="DR20" s="622"/>
      <c r="DS20" s="622"/>
      <c r="DT20" s="622"/>
      <c r="DU20" s="622"/>
      <c r="DV20" s="622"/>
      <c r="DW20" s="622"/>
      <c r="DX20" s="622"/>
      <c r="DY20" s="622"/>
      <c r="DZ20" s="622"/>
      <c r="EA20" s="622"/>
      <c r="EB20" s="622"/>
      <c r="EC20" s="658"/>
    </row>
    <row r="21" spans="2:133" ht="11.25" customHeight="1" x14ac:dyDescent="0.2">
      <c r="B21" s="618" t="s">
        <v>277</v>
      </c>
      <c r="C21" s="619"/>
      <c r="D21" s="619"/>
      <c r="E21" s="619"/>
      <c r="F21" s="619"/>
      <c r="G21" s="619"/>
      <c r="H21" s="619"/>
      <c r="I21" s="619"/>
      <c r="J21" s="619"/>
      <c r="K21" s="619"/>
      <c r="L21" s="619"/>
      <c r="M21" s="619"/>
      <c r="N21" s="619"/>
      <c r="O21" s="619"/>
      <c r="P21" s="619"/>
      <c r="Q21" s="620"/>
      <c r="R21" s="621">
        <v>1304482</v>
      </c>
      <c r="S21" s="622"/>
      <c r="T21" s="622"/>
      <c r="U21" s="622"/>
      <c r="V21" s="622"/>
      <c r="W21" s="622"/>
      <c r="X21" s="622"/>
      <c r="Y21" s="623"/>
      <c r="Z21" s="659">
        <v>22.8</v>
      </c>
      <c r="AA21" s="659"/>
      <c r="AB21" s="659"/>
      <c r="AC21" s="659"/>
      <c r="AD21" s="660">
        <v>1204331</v>
      </c>
      <c r="AE21" s="660"/>
      <c r="AF21" s="660"/>
      <c r="AG21" s="660"/>
      <c r="AH21" s="660"/>
      <c r="AI21" s="660"/>
      <c r="AJ21" s="660"/>
      <c r="AK21" s="660"/>
      <c r="AL21" s="624">
        <v>37.5</v>
      </c>
      <c r="AM21" s="625"/>
      <c r="AN21" s="625"/>
      <c r="AO21" s="661"/>
      <c r="AP21" s="618" t="s">
        <v>278</v>
      </c>
      <c r="AQ21" s="699"/>
      <c r="AR21" s="699"/>
      <c r="AS21" s="699"/>
      <c r="AT21" s="699"/>
      <c r="AU21" s="699"/>
      <c r="AV21" s="699"/>
      <c r="AW21" s="699"/>
      <c r="AX21" s="699"/>
      <c r="AY21" s="699"/>
      <c r="AZ21" s="699"/>
      <c r="BA21" s="699"/>
      <c r="BB21" s="699"/>
      <c r="BC21" s="699"/>
      <c r="BD21" s="699"/>
      <c r="BE21" s="699"/>
      <c r="BF21" s="700"/>
      <c r="BG21" s="621" t="s">
        <v>129</v>
      </c>
      <c r="BH21" s="622"/>
      <c r="BI21" s="622"/>
      <c r="BJ21" s="622"/>
      <c r="BK21" s="622"/>
      <c r="BL21" s="622"/>
      <c r="BM21" s="622"/>
      <c r="BN21" s="623"/>
      <c r="BO21" s="659" t="s">
        <v>233</v>
      </c>
      <c r="BP21" s="659"/>
      <c r="BQ21" s="659"/>
      <c r="BR21" s="659"/>
      <c r="BS21" s="660" t="s">
        <v>233</v>
      </c>
      <c r="BT21" s="660"/>
      <c r="BU21" s="660"/>
      <c r="BV21" s="660"/>
      <c r="BW21" s="660"/>
      <c r="BX21" s="660"/>
      <c r="BY21" s="660"/>
      <c r="BZ21" s="660"/>
      <c r="CA21" s="660"/>
      <c r="CB21" s="695"/>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79</v>
      </c>
      <c r="C22" s="619"/>
      <c r="D22" s="619"/>
      <c r="E22" s="619"/>
      <c r="F22" s="619"/>
      <c r="G22" s="619"/>
      <c r="H22" s="619"/>
      <c r="I22" s="619"/>
      <c r="J22" s="619"/>
      <c r="K22" s="619"/>
      <c r="L22" s="619"/>
      <c r="M22" s="619"/>
      <c r="N22" s="619"/>
      <c r="O22" s="619"/>
      <c r="P22" s="619"/>
      <c r="Q22" s="620"/>
      <c r="R22" s="621">
        <v>1204331</v>
      </c>
      <c r="S22" s="622"/>
      <c r="T22" s="622"/>
      <c r="U22" s="622"/>
      <c r="V22" s="622"/>
      <c r="W22" s="622"/>
      <c r="X22" s="622"/>
      <c r="Y22" s="623"/>
      <c r="Z22" s="659">
        <v>21</v>
      </c>
      <c r="AA22" s="659"/>
      <c r="AB22" s="659"/>
      <c r="AC22" s="659"/>
      <c r="AD22" s="660">
        <v>1204331</v>
      </c>
      <c r="AE22" s="660"/>
      <c r="AF22" s="660"/>
      <c r="AG22" s="660"/>
      <c r="AH22" s="660"/>
      <c r="AI22" s="660"/>
      <c r="AJ22" s="660"/>
      <c r="AK22" s="660"/>
      <c r="AL22" s="624">
        <v>37.5</v>
      </c>
      <c r="AM22" s="625"/>
      <c r="AN22" s="625"/>
      <c r="AO22" s="661"/>
      <c r="AP22" s="618" t="s">
        <v>280</v>
      </c>
      <c r="AQ22" s="699"/>
      <c r="AR22" s="699"/>
      <c r="AS22" s="699"/>
      <c r="AT22" s="699"/>
      <c r="AU22" s="699"/>
      <c r="AV22" s="699"/>
      <c r="AW22" s="699"/>
      <c r="AX22" s="699"/>
      <c r="AY22" s="699"/>
      <c r="AZ22" s="699"/>
      <c r="BA22" s="699"/>
      <c r="BB22" s="699"/>
      <c r="BC22" s="699"/>
      <c r="BD22" s="699"/>
      <c r="BE22" s="699"/>
      <c r="BF22" s="700"/>
      <c r="BG22" s="621" t="s">
        <v>129</v>
      </c>
      <c r="BH22" s="622"/>
      <c r="BI22" s="622"/>
      <c r="BJ22" s="622"/>
      <c r="BK22" s="622"/>
      <c r="BL22" s="622"/>
      <c r="BM22" s="622"/>
      <c r="BN22" s="623"/>
      <c r="BO22" s="659" t="s">
        <v>233</v>
      </c>
      <c r="BP22" s="659"/>
      <c r="BQ22" s="659"/>
      <c r="BR22" s="659"/>
      <c r="BS22" s="660" t="s">
        <v>233</v>
      </c>
      <c r="BT22" s="660"/>
      <c r="BU22" s="660"/>
      <c r="BV22" s="660"/>
      <c r="BW22" s="660"/>
      <c r="BX22" s="660"/>
      <c r="BY22" s="660"/>
      <c r="BZ22" s="660"/>
      <c r="CA22" s="660"/>
      <c r="CB22" s="695"/>
      <c r="CD22" s="673" t="s">
        <v>281</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2</v>
      </c>
      <c r="C23" s="619"/>
      <c r="D23" s="619"/>
      <c r="E23" s="619"/>
      <c r="F23" s="619"/>
      <c r="G23" s="619"/>
      <c r="H23" s="619"/>
      <c r="I23" s="619"/>
      <c r="J23" s="619"/>
      <c r="K23" s="619"/>
      <c r="L23" s="619"/>
      <c r="M23" s="619"/>
      <c r="N23" s="619"/>
      <c r="O23" s="619"/>
      <c r="P23" s="619"/>
      <c r="Q23" s="620"/>
      <c r="R23" s="621">
        <v>100151</v>
      </c>
      <c r="S23" s="622"/>
      <c r="T23" s="622"/>
      <c r="U23" s="622"/>
      <c r="V23" s="622"/>
      <c r="W23" s="622"/>
      <c r="X23" s="622"/>
      <c r="Y23" s="623"/>
      <c r="Z23" s="659">
        <v>1.7</v>
      </c>
      <c r="AA23" s="659"/>
      <c r="AB23" s="659"/>
      <c r="AC23" s="659"/>
      <c r="AD23" s="660" t="s">
        <v>129</v>
      </c>
      <c r="AE23" s="660"/>
      <c r="AF23" s="660"/>
      <c r="AG23" s="660"/>
      <c r="AH23" s="660"/>
      <c r="AI23" s="660"/>
      <c r="AJ23" s="660"/>
      <c r="AK23" s="660"/>
      <c r="AL23" s="624" t="s">
        <v>129</v>
      </c>
      <c r="AM23" s="625"/>
      <c r="AN23" s="625"/>
      <c r="AO23" s="661"/>
      <c r="AP23" s="618" t="s">
        <v>283</v>
      </c>
      <c r="AQ23" s="699"/>
      <c r="AR23" s="699"/>
      <c r="AS23" s="699"/>
      <c r="AT23" s="699"/>
      <c r="AU23" s="699"/>
      <c r="AV23" s="699"/>
      <c r="AW23" s="699"/>
      <c r="AX23" s="699"/>
      <c r="AY23" s="699"/>
      <c r="AZ23" s="699"/>
      <c r="BA23" s="699"/>
      <c r="BB23" s="699"/>
      <c r="BC23" s="699"/>
      <c r="BD23" s="699"/>
      <c r="BE23" s="699"/>
      <c r="BF23" s="700"/>
      <c r="BG23" s="621" t="s">
        <v>129</v>
      </c>
      <c r="BH23" s="622"/>
      <c r="BI23" s="622"/>
      <c r="BJ23" s="622"/>
      <c r="BK23" s="622"/>
      <c r="BL23" s="622"/>
      <c r="BM23" s="622"/>
      <c r="BN23" s="623"/>
      <c r="BO23" s="659" t="s">
        <v>233</v>
      </c>
      <c r="BP23" s="659"/>
      <c r="BQ23" s="659"/>
      <c r="BR23" s="659"/>
      <c r="BS23" s="660" t="s">
        <v>129</v>
      </c>
      <c r="BT23" s="660"/>
      <c r="BU23" s="660"/>
      <c r="BV23" s="660"/>
      <c r="BW23" s="660"/>
      <c r="BX23" s="660"/>
      <c r="BY23" s="660"/>
      <c r="BZ23" s="660"/>
      <c r="CA23" s="660"/>
      <c r="CB23" s="695"/>
      <c r="CD23" s="673" t="s">
        <v>222</v>
      </c>
      <c r="CE23" s="674"/>
      <c r="CF23" s="674"/>
      <c r="CG23" s="674"/>
      <c r="CH23" s="674"/>
      <c r="CI23" s="674"/>
      <c r="CJ23" s="674"/>
      <c r="CK23" s="674"/>
      <c r="CL23" s="674"/>
      <c r="CM23" s="674"/>
      <c r="CN23" s="674"/>
      <c r="CO23" s="674"/>
      <c r="CP23" s="674"/>
      <c r="CQ23" s="675"/>
      <c r="CR23" s="673" t="s">
        <v>284</v>
      </c>
      <c r="CS23" s="674"/>
      <c r="CT23" s="674"/>
      <c r="CU23" s="674"/>
      <c r="CV23" s="674"/>
      <c r="CW23" s="674"/>
      <c r="CX23" s="674"/>
      <c r="CY23" s="675"/>
      <c r="CZ23" s="673" t="s">
        <v>285</v>
      </c>
      <c r="DA23" s="674"/>
      <c r="DB23" s="674"/>
      <c r="DC23" s="675"/>
      <c r="DD23" s="673" t="s">
        <v>286</v>
      </c>
      <c r="DE23" s="674"/>
      <c r="DF23" s="674"/>
      <c r="DG23" s="674"/>
      <c r="DH23" s="674"/>
      <c r="DI23" s="674"/>
      <c r="DJ23" s="674"/>
      <c r="DK23" s="675"/>
      <c r="DL23" s="711" t="s">
        <v>287</v>
      </c>
      <c r="DM23" s="712"/>
      <c r="DN23" s="712"/>
      <c r="DO23" s="712"/>
      <c r="DP23" s="712"/>
      <c r="DQ23" s="712"/>
      <c r="DR23" s="712"/>
      <c r="DS23" s="712"/>
      <c r="DT23" s="712"/>
      <c r="DU23" s="712"/>
      <c r="DV23" s="713"/>
      <c r="DW23" s="673" t="s">
        <v>288</v>
      </c>
      <c r="DX23" s="674"/>
      <c r="DY23" s="674"/>
      <c r="DZ23" s="674"/>
      <c r="EA23" s="674"/>
      <c r="EB23" s="674"/>
      <c r="EC23" s="675"/>
    </row>
    <row r="24" spans="2:133" ht="11.25" customHeight="1" x14ac:dyDescent="0.2">
      <c r="B24" s="618" t="s">
        <v>289</v>
      </c>
      <c r="C24" s="619"/>
      <c r="D24" s="619"/>
      <c r="E24" s="619"/>
      <c r="F24" s="619"/>
      <c r="G24" s="619"/>
      <c r="H24" s="619"/>
      <c r="I24" s="619"/>
      <c r="J24" s="619"/>
      <c r="K24" s="619"/>
      <c r="L24" s="619"/>
      <c r="M24" s="619"/>
      <c r="N24" s="619"/>
      <c r="O24" s="619"/>
      <c r="P24" s="619"/>
      <c r="Q24" s="620"/>
      <c r="R24" s="621" t="s">
        <v>129</v>
      </c>
      <c r="S24" s="622"/>
      <c r="T24" s="622"/>
      <c r="U24" s="622"/>
      <c r="V24" s="622"/>
      <c r="W24" s="622"/>
      <c r="X24" s="622"/>
      <c r="Y24" s="623"/>
      <c r="Z24" s="659" t="s">
        <v>129</v>
      </c>
      <c r="AA24" s="659"/>
      <c r="AB24" s="659"/>
      <c r="AC24" s="659"/>
      <c r="AD24" s="660" t="s">
        <v>129</v>
      </c>
      <c r="AE24" s="660"/>
      <c r="AF24" s="660"/>
      <c r="AG24" s="660"/>
      <c r="AH24" s="660"/>
      <c r="AI24" s="660"/>
      <c r="AJ24" s="660"/>
      <c r="AK24" s="660"/>
      <c r="AL24" s="624" t="s">
        <v>233</v>
      </c>
      <c r="AM24" s="625"/>
      <c r="AN24" s="625"/>
      <c r="AO24" s="661"/>
      <c r="AP24" s="618" t="s">
        <v>290</v>
      </c>
      <c r="AQ24" s="699"/>
      <c r="AR24" s="699"/>
      <c r="AS24" s="699"/>
      <c r="AT24" s="699"/>
      <c r="AU24" s="699"/>
      <c r="AV24" s="699"/>
      <c r="AW24" s="699"/>
      <c r="AX24" s="699"/>
      <c r="AY24" s="699"/>
      <c r="AZ24" s="699"/>
      <c r="BA24" s="699"/>
      <c r="BB24" s="699"/>
      <c r="BC24" s="699"/>
      <c r="BD24" s="699"/>
      <c r="BE24" s="699"/>
      <c r="BF24" s="700"/>
      <c r="BG24" s="621" t="s">
        <v>233</v>
      </c>
      <c r="BH24" s="622"/>
      <c r="BI24" s="622"/>
      <c r="BJ24" s="622"/>
      <c r="BK24" s="622"/>
      <c r="BL24" s="622"/>
      <c r="BM24" s="622"/>
      <c r="BN24" s="623"/>
      <c r="BO24" s="659" t="s">
        <v>129</v>
      </c>
      <c r="BP24" s="659"/>
      <c r="BQ24" s="659"/>
      <c r="BR24" s="659"/>
      <c r="BS24" s="660" t="s">
        <v>129</v>
      </c>
      <c r="BT24" s="660"/>
      <c r="BU24" s="660"/>
      <c r="BV24" s="660"/>
      <c r="BW24" s="660"/>
      <c r="BX24" s="660"/>
      <c r="BY24" s="660"/>
      <c r="BZ24" s="660"/>
      <c r="CA24" s="660"/>
      <c r="CB24" s="695"/>
      <c r="CD24" s="679" t="s">
        <v>291</v>
      </c>
      <c r="CE24" s="680"/>
      <c r="CF24" s="680"/>
      <c r="CG24" s="680"/>
      <c r="CH24" s="680"/>
      <c r="CI24" s="680"/>
      <c r="CJ24" s="680"/>
      <c r="CK24" s="680"/>
      <c r="CL24" s="680"/>
      <c r="CM24" s="680"/>
      <c r="CN24" s="680"/>
      <c r="CO24" s="680"/>
      <c r="CP24" s="680"/>
      <c r="CQ24" s="681"/>
      <c r="CR24" s="676">
        <v>2160762</v>
      </c>
      <c r="CS24" s="677"/>
      <c r="CT24" s="677"/>
      <c r="CU24" s="677"/>
      <c r="CV24" s="677"/>
      <c r="CW24" s="677"/>
      <c r="CX24" s="677"/>
      <c r="CY24" s="702"/>
      <c r="CZ24" s="703">
        <v>41</v>
      </c>
      <c r="DA24" s="685"/>
      <c r="DB24" s="685"/>
      <c r="DC24" s="705"/>
      <c r="DD24" s="701">
        <v>1512796</v>
      </c>
      <c r="DE24" s="677"/>
      <c r="DF24" s="677"/>
      <c r="DG24" s="677"/>
      <c r="DH24" s="677"/>
      <c r="DI24" s="677"/>
      <c r="DJ24" s="677"/>
      <c r="DK24" s="702"/>
      <c r="DL24" s="701">
        <v>1507525</v>
      </c>
      <c r="DM24" s="677"/>
      <c r="DN24" s="677"/>
      <c r="DO24" s="677"/>
      <c r="DP24" s="677"/>
      <c r="DQ24" s="677"/>
      <c r="DR24" s="677"/>
      <c r="DS24" s="677"/>
      <c r="DT24" s="677"/>
      <c r="DU24" s="677"/>
      <c r="DV24" s="702"/>
      <c r="DW24" s="703">
        <v>46</v>
      </c>
      <c r="DX24" s="685"/>
      <c r="DY24" s="685"/>
      <c r="DZ24" s="685"/>
      <c r="EA24" s="685"/>
      <c r="EB24" s="685"/>
      <c r="EC24" s="704"/>
    </row>
    <row r="25" spans="2:133" ht="11.25" customHeight="1" x14ac:dyDescent="0.2">
      <c r="B25" s="618" t="s">
        <v>292</v>
      </c>
      <c r="C25" s="619"/>
      <c r="D25" s="619"/>
      <c r="E25" s="619"/>
      <c r="F25" s="619"/>
      <c r="G25" s="619"/>
      <c r="H25" s="619"/>
      <c r="I25" s="619"/>
      <c r="J25" s="619"/>
      <c r="K25" s="619"/>
      <c r="L25" s="619"/>
      <c r="M25" s="619"/>
      <c r="N25" s="619"/>
      <c r="O25" s="619"/>
      <c r="P25" s="619"/>
      <c r="Q25" s="620"/>
      <c r="R25" s="621">
        <v>3241629</v>
      </c>
      <c r="S25" s="622"/>
      <c r="T25" s="622"/>
      <c r="U25" s="622"/>
      <c r="V25" s="622"/>
      <c r="W25" s="622"/>
      <c r="X25" s="622"/>
      <c r="Y25" s="623"/>
      <c r="Z25" s="659">
        <v>56.5</v>
      </c>
      <c r="AA25" s="659"/>
      <c r="AB25" s="659"/>
      <c r="AC25" s="659"/>
      <c r="AD25" s="660">
        <v>3141478</v>
      </c>
      <c r="AE25" s="660"/>
      <c r="AF25" s="660"/>
      <c r="AG25" s="660"/>
      <c r="AH25" s="660"/>
      <c r="AI25" s="660"/>
      <c r="AJ25" s="660"/>
      <c r="AK25" s="660"/>
      <c r="AL25" s="624">
        <v>97.8</v>
      </c>
      <c r="AM25" s="625"/>
      <c r="AN25" s="625"/>
      <c r="AO25" s="661"/>
      <c r="AP25" s="618" t="s">
        <v>293</v>
      </c>
      <c r="AQ25" s="699"/>
      <c r="AR25" s="699"/>
      <c r="AS25" s="699"/>
      <c r="AT25" s="699"/>
      <c r="AU25" s="699"/>
      <c r="AV25" s="699"/>
      <c r="AW25" s="699"/>
      <c r="AX25" s="699"/>
      <c r="AY25" s="699"/>
      <c r="AZ25" s="699"/>
      <c r="BA25" s="699"/>
      <c r="BB25" s="699"/>
      <c r="BC25" s="699"/>
      <c r="BD25" s="699"/>
      <c r="BE25" s="699"/>
      <c r="BF25" s="700"/>
      <c r="BG25" s="621" t="s">
        <v>129</v>
      </c>
      <c r="BH25" s="622"/>
      <c r="BI25" s="622"/>
      <c r="BJ25" s="622"/>
      <c r="BK25" s="622"/>
      <c r="BL25" s="622"/>
      <c r="BM25" s="622"/>
      <c r="BN25" s="623"/>
      <c r="BO25" s="659" t="s">
        <v>233</v>
      </c>
      <c r="BP25" s="659"/>
      <c r="BQ25" s="659"/>
      <c r="BR25" s="659"/>
      <c r="BS25" s="660" t="s">
        <v>129</v>
      </c>
      <c r="BT25" s="660"/>
      <c r="BU25" s="660"/>
      <c r="BV25" s="660"/>
      <c r="BW25" s="660"/>
      <c r="BX25" s="660"/>
      <c r="BY25" s="660"/>
      <c r="BZ25" s="660"/>
      <c r="CA25" s="660"/>
      <c r="CB25" s="695"/>
      <c r="CD25" s="618" t="s">
        <v>294</v>
      </c>
      <c r="CE25" s="619"/>
      <c r="CF25" s="619"/>
      <c r="CG25" s="619"/>
      <c r="CH25" s="619"/>
      <c r="CI25" s="619"/>
      <c r="CJ25" s="619"/>
      <c r="CK25" s="619"/>
      <c r="CL25" s="619"/>
      <c r="CM25" s="619"/>
      <c r="CN25" s="619"/>
      <c r="CO25" s="619"/>
      <c r="CP25" s="619"/>
      <c r="CQ25" s="620"/>
      <c r="CR25" s="621">
        <v>1004540</v>
      </c>
      <c r="CS25" s="634"/>
      <c r="CT25" s="634"/>
      <c r="CU25" s="634"/>
      <c r="CV25" s="634"/>
      <c r="CW25" s="634"/>
      <c r="CX25" s="634"/>
      <c r="CY25" s="635"/>
      <c r="CZ25" s="624">
        <v>19.100000000000001</v>
      </c>
      <c r="DA25" s="636"/>
      <c r="DB25" s="636"/>
      <c r="DC25" s="637"/>
      <c r="DD25" s="627">
        <v>881524</v>
      </c>
      <c r="DE25" s="634"/>
      <c r="DF25" s="634"/>
      <c r="DG25" s="634"/>
      <c r="DH25" s="634"/>
      <c r="DI25" s="634"/>
      <c r="DJ25" s="634"/>
      <c r="DK25" s="635"/>
      <c r="DL25" s="627">
        <v>876453</v>
      </c>
      <c r="DM25" s="634"/>
      <c r="DN25" s="634"/>
      <c r="DO25" s="634"/>
      <c r="DP25" s="634"/>
      <c r="DQ25" s="634"/>
      <c r="DR25" s="634"/>
      <c r="DS25" s="634"/>
      <c r="DT25" s="634"/>
      <c r="DU25" s="634"/>
      <c r="DV25" s="635"/>
      <c r="DW25" s="624">
        <v>26.7</v>
      </c>
      <c r="DX25" s="636"/>
      <c r="DY25" s="636"/>
      <c r="DZ25" s="636"/>
      <c r="EA25" s="636"/>
      <c r="EB25" s="636"/>
      <c r="EC25" s="648"/>
    </row>
    <row r="26" spans="2:133" ht="11.25" customHeight="1" x14ac:dyDescent="0.2">
      <c r="B26" s="618" t="s">
        <v>295</v>
      </c>
      <c r="C26" s="619"/>
      <c r="D26" s="619"/>
      <c r="E26" s="619"/>
      <c r="F26" s="619"/>
      <c r="G26" s="619"/>
      <c r="H26" s="619"/>
      <c r="I26" s="619"/>
      <c r="J26" s="619"/>
      <c r="K26" s="619"/>
      <c r="L26" s="619"/>
      <c r="M26" s="619"/>
      <c r="N26" s="619"/>
      <c r="O26" s="619"/>
      <c r="P26" s="619"/>
      <c r="Q26" s="620"/>
      <c r="R26" s="621">
        <v>1565</v>
      </c>
      <c r="S26" s="622"/>
      <c r="T26" s="622"/>
      <c r="U26" s="622"/>
      <c r="V26" s="622"/>
      <c r="W26" s="622"/>
      <c r="X26" s="622"/>
      <c r="Y26" s="623"/>
      <c r="Z26" s="659">
        <v>0</v>
      </c>
      <c r="AA26" s="659"/>
      <c r="AB26" s="659"/>
      <c r="AC26" s="659"/>
      <c r="AD26" s="660">
        <v>1565</v>
      </c>
      <c r="AE26" s="660"/>
      <c r="AF26" s="660"/>
      <c r="AG26" s="660"/>
      <c r="AH26" s="660"/>
      <c r="AI26" s="660"/>
      <c r="AJ26" s="660"/>
      <c r="AK26" s="660"/>
      <c r="AL26" s="624">
        <v>0</v>
      </c>
      <c r="AM26" s="625"/>
      <c r="AN26" s="625"/>
      <c r="AO26" s="661"/>
      <c r="AP26" s="618" t="s">
        <v>296</v>
      </c>
      <c r="AQ26" s="699"/>
      <c r="AR26" s="699"/>
      <c r="AS26" s="699"/>
      <c r="AT26" s="699"/>
      <c r="AU26" s="699"/>
      <c r="AV26" s="699"/>
      <c r="AW26" s="699"/>
      <c r="AX26" s="699"/>
      <c r="AY26" s="699"/>
      <c r="AZ26" s="699"/>
      <c r="BA26" s="699"/>
      <c r="BB26" s="699"/>
      <c r="BC26" s="699"/>
      <c r="BD26" s="699"/>
      <c r="BE26" s="699"/>
      <c r="BF26" s="700"/>
      <c r="BG26" s="621" t="s">
        <v>129</v>
      </c>
      <c r="BH26" s="622"/>
      <c r="BI26" s="622"/>
      <c r="BJ26" s="622"/>
      <c r="BK26" s="622"/>
      <c r="BL26" s="622"/>
      <c r="BM26" s="622"/>
      <c r="BN26" s="623"/>
      <c r="BO26" s="659" t="s">
        <v>129</v>
      </c>
      <c r="BP26" s="659"/>
      <c r="BQ26" s="659"/>
      <c r="BR26" s="659"/>
      <c r="BS26" s="660" t="s">
        <v>233</v>
      </c>
      <c r="BT26" s="660"/>
      <c r="BU26" s="660"/>
      <c r="BV26" s="660"/>
      <c r="BW26" s="660"/>
      <c r="BX26" s="660"/>
      <c r="BY26" s="660"/>
      <c r="BZ26" s="660"/>
      <c r="CA26" s="660"/>
      <c r="CB26" s="695"/>
      <c r="CD26" s="618" t="s">
        <v>297</v>
      </c>
      <c r="CE26" s="619"/>
      <c r="CF26" s="619"/>
      <c r="CG26" s="619"/>
      <c r="CH26" s="619"/>
      <c r="CI26" s="619"/>
      <c r="CJ26" s="619"/>
      <c r="CK26" s="619"/>
      <c r="CL26" s="619"/>
      <c r="CM26" s="619"/>
      <c r="CN26" s="619"/>
      <c r="CO26" s="619"/>
      <c r="CP26" s="619"/>
      <c r="CQ26" s="620"/>
      <c r="CR26" s="621">
        <v>566359</v>
      </c>
      <c r="CS26" s="622"/>
      <c r="CT26" s="622"/>
      <c r="CU26" s="622"/>
      <c r="CV26" s="622"/>
      <c r="CW26" s="622"/>
      <c r="CX26" s="622"/>
      <c r="CY26" s="623"/>
      <c r="CZ26" s="624">
        <v>10.8</v>
      </c>
      <c r="DA26" s="636"/>
      <c r="DB26" s="636"/>
      <c r="DC26" s="637"/>
      <c r="DD26" s="627">
        <v>481620</v>
      </c>
      <c r="DE26" s="622"/>
      <c r="DF26" s="622"/>
      <c r="DG26" s="622"/>
      <c r="DH26" s="622"/>
      <c r="DI26" s="622"/>
      <c r="DJ26" s="622"/>
      <c r="DK26" s="623"/>
      <c r="DL26" s="627" t="s">
        <v>233</v>
      </c>
      <c r="DM26" s="622"/>
      <c r="DN26" s="622"/>
      <c r="DO26" s="622"/>
      <c r="DP26" s="622"/>
      <c r="DQ26" s="622"/>
      <c r="DR26" s="622"/>
      <c r="DS26" s="622"/>
      <c r="DT26" s="622"/>
      <c r="DU26" s="622"/>
      <c r="DV26" s="623"/>
      <c r="DW26" s="624" t="s">
        <v>129</v>
      </c>
      <c r="DX26" s="636"/>
      <c r="DY26" s="636"/>
      <c r="DZ26" s="636"/>
      <c r="EA26" s="636"/>
      <c r="EB26" s="636"/>
      <c r="EC26" s="648"/>
    </row>
    <row r="27" spans="2:133" ht="11.25" customHeight="1" x14ac:dyDescent="0.2">
      <c r="B27" s="618" t="s">
        <v>298</v>
      </c>
      <c r="C27" s="619"/>
      <c r="D27" s="619"/>
      <c r="E27" s="619"/>
      <c r="F27" s="619"/>
      <c r="G27" s="619"/>
      <c r="H27" s="619"/>
      <c r="I27" s="619"/>
      <c r="J27" s="619"/>
      <c r="K27" s="619"/>
      <c r="L27" s="619"/>
      <c r="M27" s="619"/>
      <c r="N27" s="619"/>
      <c r="O27" s="619"/>
      <c r="P27" s="619"/>
      <c r="Q27" s="620"/>
      <c r="R27" s="621">
        <v>23460</v>
      </c>
      <c r="S27" s="622"/>
      <c r="T27" s="622"/>
      <c r="U27" s="622"/>
      <c r="V27" s="622"/>
      <c r="W27" s="622"/>
      <c r="X27" s="622"/>
      <c r="Y27" s="623"/>
      <c r="Z27" s="659">
        <v>0.4</v>
      </c>
      <c r="AA27" s="659"/>
      <c r="AB27" s="659"/>
      <c r="AC27" s="659"/>
      <c r="AD27" s="660" t="s">
        <v>129</v>
      </c>
      <c r="AE27" s="660"/>
      <c r="AF27" s="660"/>
      <c r="AG27" s="660"/>
      <c r="AH27" s="660"/>
      <c r="AI27" s="660"/>
      <c r="AJ27" s="660"/>
      <c r="AK27" s="660"/>
      <c r="AL27" s="624" t="s">
        <v>129</v>
      </c>
      <c r="AM27" s="625"/>
      <c r="AN27" s="625"/>
      <c r="AO27" s="661"/>
      <c r="AP27" s="618" t="s">
        <v>299</v>
      </c>
      <c r="AQ27" s="619"/>
      <c r="AR27" s="619"/>
      <c r="AS27" s="619"/>
      <c r="AT27" s="619"/>
      <c r="AU27" s="619"/>
      <c r="AV27" s="619"/>
      <c r="AW27" s="619"/>
      <c r="AX27" s="619"/>
      <c r="AY27" s="619"/>
      <c r="AZ27" s="619"/>
      <c r="BA27" s="619"/>
      <c r="BB27" s="619"/>
      <c r="BC27" s="619"/>
      <c r="BD27" s="619"/>
      <c r="BE27" s="619"/>
      <c r="BF27" s="620"/>
      <c r="BG27" s="621">
        <v>1543471</v>
      </c>
      <c r="BH27" s="622"/>
      <c r="BI27" s="622"/>
      <c r="BJ27" s="622"/>
      <c r="BK27" s="622"/>
      <c r="BL27" s="622"/>
      <c r="BM27" s="622"/>
      <c r="BN27" s="623"/>
      <c r="BO27" s="659">
        <v>100</v>
      </c>
      <c r="BP27" s="659"/>
      <c r="BQ27" s="659"/>
      <c r="BR27" s="659"/>
      <c r="BS27" s="660" t="s">
        <v>129</v>
      </c>
      <c r="BT27" s="660"/>
      <c r="BU27" s="660"/>
      <c r="BV27" s="660"/>
      <c r="BW27" s="660"/>
      <c r="BX27" s="660"/>
      <c r="BY27" s="660"/>
      <c r="BZ27" s="660"/>
      <c r="CA27" s="660"/>
      <c r="CB27" s="695"/>
      <c r="CD27" s="618" t="s">
        <v>300</v>
      </c>
      <c r="CE27" s="619"/>
      <c r="CF27" s="619"/>
      <c r="CG27" s="619"/>
      <c r="CH27" s="619"/>
      <c r="CI27" s="619"/>
      <c r="CJ27" s="619"/>
      <c r="CK27" s="619"/>
      <c r="CL27" s="619"/>
      <c r="CM27" s="619"/>
      <c r="CN27" s="619"/>
      <c r="CO27" s="619"/>
      <c r="CP27" s="619"/>
      <c r="CQ27" s="620"/>
      <c r="CR27" s="621">
        <v>727608</v>
      </c>
      <c r="CS27" s="634"/>
      <c r="CT27" s="634"/>
      <c r="CU27" s="634"/>
      <c r="CV27" s="634"/>
      <c r="CW27" s="634"/>
      <c r="CX27" s="634"/>
      <c r="CY27" s="635"/>
      <c r="CZ27" s="624">
        <v>13.8</v>
      </c>
      <c r="DA27" s="636"/>
      <c r="DB27" s="636"/>
      <c r="DC27" s="637"/>
      <c r="DD27" s="627">
        <v>202658</v>
      </c>
      <c r="DE27" s="634"/>
      <c r="DF27" s="634"/>
      <c r="DG27" s="634"/>
      <c r="DH27" s="634"/>
      <c r="DI27" s="634"/>
      <c r="DJ27" s="634"/>
      <c r="DK27" s="635"/>
      <c r="DL27" s="627">
        <v>202458</v>
      </c>
      <c r="DM27" s="634"/>
      <c r="DN27" s="634"/>
      <c r="DO27" s="634"/>
      <c r="DP27" s="634"/>
      <c r="DQ27" s="634"/>
      <c r="DR27" s="634"/>
      <c r="DS27" s="634"/>
      <c r="DT27" s="634"/>
      <c r="DU27" s="634"/>
      <c r="DV27" s="635"/>
      <c r="DW27" s="624">
        <v>6.2</v>
      </c>
      <c r="DX27" s="636"/>
      <c r="DY27" s="636"/>
      <c r="DZ27" s="636"/>
      <c r="EA27" s="636"/>
      <c r="EB27" s="636"/>
      <c r="EC27" s="648"/>
    </row>
    <row r="28" spans="2:133" ht="11.25" customHeight="1" x14ac:dyDescent="0.2">
      <c r="B28" s="618" t="s">
        <v>301</v>
      </c>
      <c r="C28" s="619"/>
      <c r="D28" s="619"/>
      <c r="E28" s="619"/>
      <c r="F28" s="619"/>
      <c r="G28" s="619"/>
      <c r="H28" s="619"/>
      <c r="I28" s="619"/>
      <c r="J28" s="619"/>
      <c r="K28" s="619"/>
      <c r="L28" s="619"/>
      <c r="M28" s="619"/>
      <c r="N28" s="619"/>
      <c r="O28" s="619"/>
      <c r="P28" s="619"/>
      <c r="Q28" s="620"/>
      <c r="R28" s="621">
        <v>109648</v>
      </c>
      <c r="S28" s="622"/>
      <c r="T28" s="622"/>
      <c r="U28" s="622"/>
      <c r="V28" s="622"/>
      <c r="W28" s="622"/>
      <c r="X28" s="622"/>
      <c r="Y28" s="623"/>
      <c r="Z28" s="659">
        <v>1.9</v>
      </c>
      <c r="AA28" s="659"/>
      <c r="AB28" s="659"/>
      <c r="AC28" s="659"/>
      <c r="AD28" s="660">
        <v>1059</v>
      </c>
      <c r="AE28" s="660"/>
      <c r="AF28" s="660"/>
      <c r="AG28" s="660"/>
      <c r="AH28" s="660"/>
      <c r="AI28" s="660"/>
      <c r="AJ28" s="660"/>
      <c r="AK28" s="660"/>
      <c r="AL28" s="624">
        <v>0</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2</v>
      </c>
      <c r="CE28" s="619"/>
      <c r="CF28" s="619"/>
      <c r="CG28" s="619"/>
      <c r="CH28" s="619"/>
      <c r="CI28" s="619"/>
      <c r="CJ28" s="619"/>
      <c r="CK28" s="619"/>
      <c r="CL28" s="619"/>
      <c r="CM28" s="619"/>
      <c r="CN28" s="619"/>
      <c r="CO28" s="619"/>
      <c r="CP28" s="619"/>
      <c r="CQ28" s="620"/>
      <c r="CR28" s="621">
        <v>428614</v>
      </c>
      <c r="CS28" s="622"/>
      <c r="CT28" s="622"/>
      <c r="CU28" s="622"/>
      <c r="CV28" s="622"/>
      <c r="CW28" s="622"/>
      <c r="CX28" s="622"/>
      <c r="CY28" s="623"/>
      <c r="CZ28" s="624">
        <v>8.1</v>
      </c>
      <c r="DA28" s="636"/>
      <c r="DB28" s="636"/>
      <c r="DC28" s="637"/>
      <c r="DD28" s="627">
        <v>428614</v>
      </c>
      <c r="DE28" s="622"/>
      <c r="DF28" s="622"/>
      <c r="DG28" s="622"/>
      <c r="DH28" s="622"/>
      <c r="DI28" s="622"/>
      <c r="DJ28" s="622"/>
      <c r="DK28" s="623"/>
      <c r="DL28" s="627">
        <v>428614</v>
      </c>
      <c r="DM28" s="622"/>
      <c r="DN28" s="622"/>
      <c r="DO28" s="622"/>
      <c r="DP28" s="622"/>
      <c r="DQ28" s="622"/>
      <c r="DR28" s="622"/>
      <c r="DS28" s="622"/>
      <c r="DT28" s="622"/>
      <c r="DU28" s="622"/>
      <c r="DV28" s="623"/>
      <c r="DW28" s="624">
        <v>13.1</v>
      </c>
      <c r="DX28" s="636"/>
      <c r="DY28" s="636"/>
      <c r="DZ28" s="636"/>
      <c r="EA28" s="636"/>
      <c r="EB28" s="636"/>
      <c r="EC28" s="648"/>
    </row>
    <row r="29" spans="2:133" ht="11.25" customHeight="1" x14ac:dyDescent="0.2">
      <c r="B29" s="618" t="s">
        <v>303</v>
      </c>
      <c r="C29" s="619"/>
      <c r="D29" s="619"/>
      <c r="E29" s="619"/>
      <c r="F29" s="619"/>
      <c r="G29" s="619"/>
      <c r="H29" s="619"/>
      <c r="I29" s="619"/>
      <c r="J29" s="619"/>
      <c r="K29" s="619"/>
      <c r="L29" s="619"/>
      <c r="M29" s="619"/>
      <c r="N29" s="619"/>
      <c r="O29" s="619"/>
      <c r="P29" s="619"/>
      <c r="Q29" s="620"/>
      <c r="R29" s="621">
        <v>8343</v>
      </c>
      <c r="S29" s="622"/>
      <c r="T29" s="622"/>
      <c r="U29" s="622"/>
      <c r="V29" s="622"/>
      <c r="W29" s="622"/>
      <c r="X29" s="622"/>
      <c r="Y29" s="623"/>
      <c r="Z29" s="659">
        <v>0.1</v>
      </c>
      <c r="AA29" s="659"/>
      <c r="AB29" s="659"/>
      <c r="AC29" s="659"/>
      <c r="AD29" s="660" t="s">
        <v>233</v>
      </c>
      <c r="AE29" s="660"/>
      <c r="AF29" s="660"/>
      <c r="AG29" s="660"/>
      <c r="AH29" s="660"/>
      <c r="AI29" s="660"/>
      <c r="AJ29" s="660"/>
      <c r="AK29" s="660"/>
      <c r="AL29" s="624" t="s">
        <v>129</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5"/>
      <c r="CD29" s="640" t="s">
        <v>304</v>
      </c>
      <c r="CE29" s="641"/>
      <c r="CF29" s="618" t="s">
        <v>305</v>
      </c>
      <c r="CG29" s="619"/>
      <c r="CH29" s="619"/>
      <c r="CI29" s="619"/>
      <c r="CJ29" s="619"/>
      <c r="CK29" s="619"/>
      <c r="CL29" s="619"/>
      <c r="CM29" s="619"/>
      <c r="CN29" s="619"/>
      <c r="CO29" s="619"/>
      <c r="CP29" s="619"/>
      <c r="CQ29" s="620"/>
      <c r="CR29" s="621">
        <v>428614</v>
      </c>
      <c r="CS29" s="634"/>
      <c r="CT29" s="634"/>
      <c r="CU29" s="634"/>
      <c r="CV29" s="634"/>
      <c r="CW29" s="634"/>
      <c r="CX29" s="634"/>
      <c r="CY29" s="635"/>
      <c r="CZ29" s="624">
        <v>8.1</v>
      </c>
      <c r="DA29" s="636"/>
      <c r="DB29" s="636"/>
      <c r="DC29" s="637"/>
      <c r="DD29" s="627">
        <v>428614</v>
      </c>
      <c r="DE29" s="634"/>
      <c r="DF29" s="634"/>
      <c r="DG29" s="634"/>
      <c r="DH29" s="634"/>
      <c r="DI29" s="634"/>
      <c r="DJ29" s="634"/>
      <c r="DK29" s="635"/>
      <c r="DL29" s="627">
        <v>428614</v>
      </c>
      <c r="DM29" s="634"/>
      <c r="DN29" s="634"/>
      <c r="DO29" s="634"/>
      <c r="DP29" s="634"/>
      <c r="DQ29" s="634"/>
      <c r="DR29" s="634"/>
      <c r="DS29" s="634"/>
      <c r="DT29" s="634"/>
      <c r="DU29" s="634"/>
      <c r="DV29" s="635"/>
      <c r="DW29" s="624">
        <v>13.1</v>
      </c>
      <c r="DX29" s="636"/>
      <c r="DY29" s="636"/>
      <c r="DZ29" s="636"/>
      <c r="EA29" s="636"/>
      <c r="EB29" s="636"/>
      <c r="EC29" s="648"/>
    </row>
    <row r="30" spans="2:133" ht="11.25" customHeight="1" x14ac:dyDescent="0.2">
      <c r="B30" s="618" t="s">
        <v>306</v>
      </c>
      <c r="C30" s="619"/>
      <c r="D30" s="619"/>
      <c r="E30" s="619"/>
      <c r="F30" s="619"/>
      <c r="G30" s="619"/>
      <c r="H30" s="619"/>
      <c r="I30" s="619"/>
      <c r="J30" s="619"/>
      <c r="K30" s="619"/>
      <c r="L30" s="619"/>
      <c r="M30" s="619"/>
      <c r="N30" s="619"/>
      <c r="O30" s="619"/>
      <c r="P30" s="619"/>
      <c r="Q30" s="620"/>
      <c r="R30" s="621">
        <v>845954</v>
      </c>
      <c r="S30" s="622"/>
      <c r="T30" s="622"/>
      <c r="U30" s="622"/>
      <c r="V30" s="622"/>
      <c r="W30" s="622"/>
      <c r="X30" s="622"/>
      <c r="Y30" s="623"/>
      <c r="Z30" s="659">
        <v>14.8</v>
      </c>
      <c r="AA30" s="659"/>
      <c r="AB30" s="659"/>
      <c r="AC30" s="659"/>
      <c r="AD30" s="660" t="s">
        <v>233</v>
      </c>
      <c r="AE30" s="660"/>
      <c r="AF30" s="660"/>
      <c r="AG30" s="660"/>
      <c r="AH30" s="660"/>
      <c r="AI30" s="660"/>
      <c r="AJ30" s="660"/>
      <c r="AK30" s="660"/>
      <c r="AL30" s="624" t="s">
        <v>129</v>
      </c>
      <c r="AM30" s="625"/>
      <c r="AN30" s="625"/>
      <c r="AO30" s="661"/>
      <c r="AP30" s="673" t="s">
        <v>222</v>
      </c>
      <c r="AQ30" s="674"/>
      <c r="AR30" s="674"/>
      <c r="AS30" s="674"/>
      <c r="AT30" s="674"/>
      <c r="AU30" s="674"/>
      <c r="AV30" s="674"/>
      <c r="AW30" s="674"/>
      <c r="AX30" s="674"/>
      <c r="AY30" s="674"/>
      <c r="AZ30" s="674"/>
      <c r="BA30" s="674"/>
      <c r="BB30" s="674"/>
      <c r="BC30" s="674"/>
      <c r="BD30" s="674"/>
      <c r="BE30" s="674"/>
      <c r="BF30" s="675"/>
      <c r="BG30" s="673" t="s">
        <v>307</v>
      </c>
      <c r="BH30" s="693"/>
      <c r="BI30" s="693"/>
      <c r="BJ30" s="693"/>
      <c r="BK30" s="693"/>
      <c r="BL30" s="693"/>
      <c r="BM30" s="693"/>
      <c r="BN30" s="693"/>
      <c r="BO30" s="693"/>
      <c r="BP30" s="693"/>
      <c r="BQ30" s="694"/>
      <c r="BR30" s="673" t="s">
        <v>308</v>
      </c>
      <c r="BS30" s="693"/>
      <c r="BT30" s="693"/>
      <c r="BU30" s="693"/>
      <c r="BV30" s="693"/>
      <c r="BW30" s="693"/>
      <c r="BX30" s="693"/>
      <c r="BY30" s="693"/>
      <c r="BZ30" s="693"/>
      <c r="CA30" s="693"/>
      <c r="CB30" s="694"/>
      <c r="CD30" s="642"/>
      <c r="CE30" s="643"/>
      <c r="CF30" s="618" t="s">
        <v>309</v>
      </c>
      <c r="CG30" s="619"/>
      <c r="CH30" s="619"/>
      <c r="CI30" s="619"/>
      <c r="CJ30" s="619"/>
      <c r="CK30" s="619"/>
      <c r="CL30" s="619"/>
      <c r="CM30" s="619"/>
      <c r="CN30" s="619"/>
      <c r="CO30" s="619"/>
      <c r="CP30" s="619"/>
      <c r="CQ30" s="620"/>
      <c r="CR30" s="621">
        <v>406836</v>
      </c>
      <c r="CS30" s="622"/>
      <c r="CT30" s="622"/>
      <c r="CU30" s="622"/>
      <c r="CV30" s="622"/>
      <c r="CW30" s="622"/>
      <c r="CX30" s="622"/>
      <c r="CY30" s="623"/>
      <c r="CZ30" s="624">
        <v>7.7</v>
      </c>
      <c r="DA30" s="636"/>
      <c r="DB30" s="636"/>
      <c r="DC30" s="637"/>
      <c r="DD30" s="627">
        <v>406836</v>
      </c>
      <c r="DE30" s="622"/>
      <c r="DF30" s="622"/>
      <c r="DG30" s="622"/>
      <c r="DH30" s="622"/>
      <c r="DI30" s="622"/>
      <c r="DJ30" s="622"/>
      <c r="DK30" s="623"/>
      <c r="DL30" s="627">
        <v>406836</v>
      </c>
      <c r="DM30" s="622"/>
      <c r="DN30" s="622"/>
      <c r="DO30" s="622"/>
      <c r="DP30" s="622"/>
      <c r="DQ30" s="622"/>
      <c r="DR30" s="622"/>
      <c r="DS30" s="622"/>
      <c r="DT30" s="622"/>
      <c r="DU30" s="622"/>
      <c r="DV30" s="623"/>
      <c r="DW30" s="624">
        <v>12.4</v>
      </c>
      <c r="DX30" s="636"/>
      <c r="DY30" s="636"/>
      <c r="DZ30" s="636"/>
      <c r="EA30" s="636"/>
      <c r="EB30" s="636"/>
      <c r="EC30" s="648"/>
    </row>
    <row r="31" spans="2:133" ht="11.25" customHeight="1" x14ac:dyDescent="0.2">
      <c r="B31" s="696" t="s">
        <v>310</v>
      </c>
      <c r="C31" s="697"/>
      <c r="D31" s="697"/>
      <c r="E31" s="697"/>
      <c r="F31" s="697"/>
      <c r="G31" s="697"/>
      <c r="H31" s="697"/>
      <c r="I31" s="697"/>
      <c r="J31" s="697"/>
      <c r="K31" s="697"/>
      <c r="L31" s="697"/>
      <c r="M31" s="697"/>
      <c r="N31" s="697"/>
      <c r="O31" s="697"/>
      <c r="P31" s="697"/>
      <c r="Q31" s="698"/>
      <c r="R31" s="621" t="s">
        <v>233</v>
      </c>
      <c r="S31" s="622"/>
      <c r="T31" s="622"/>
      <c r="U31" s="622"/>
      <c r="V31" s="622"/>
      <c r="W31" s="622"/>
      <c r="X31" s="622"/>
      <c r="Y31" s="623"/>
      <c r="Z31" s="659" t="s">
        <v>233</v>
      </c>
      <c r="AA31" s="659"/>
      <c r="AB31" s="659"/>
      <c r="AC31" s="659"/>
      <c r="AD31" s="660" t="s">
        <v>129</v>
      </c>
      <c r="AE31" s="660"/>
      <c r="AF31" s="660"/>
      <c r="AG31" s="660"/>
      <c r="AH31" s="660"/>
      <c r="AI31" s="660"/>
      <c r="AJ31" s="660"/>
      <c r="AK31" s="660"/>
      <c r="AL31" s="624" t="s">
        <v>233</v>
      </c>
      <c r="AM31" s="625"/>
      <c r="AN31" s="625"/>
      <c r="AO31" s="661"/>
      <c r="AP31" s="687" t="s">
        <v>311</v>
      </c>
      <c r="AQ31" s="688"/>
      <c r="AR31" s="688"/>
      <c r="AS31" s="688"/>
      <c r="AT31" s="689" t="s">
        <v>312</v>
      </c>
      <c r="AU31" s="218"/>
      <c r="AV31" s="218"/>
      <c r="AW31" s="218"/>
      <c r="AX31" s="679" t="s">
        <v>188</v>
      </c>
      <c r="AY31" s="680"/>
      <c r="AZ31" s="680"/>
      <c r="BA31" s="680"/>
      <c r="BB31" s="680"/>
      <c r="BC31" s="680"/>
      <c r="BD31" s="680"/>
      <c r="BE31" s="680"/>
      <c r="BF31" s="681"/>
      <c r="BG31" s="683">
        <v>99.1</v>
      </c>
      <c r="BH31" s="684"/>
      <c r="BI31" s="684"/>
      <c r="BJ31" s="684"/>
      <c r="BK31" s="684"/>
      <c r="BL31" s="684"/>
      <c r="BM31" s="685">
        <v>96</v>
      </c>
      <c r="BN31" s="684"/>
      <c r="BO31" s="684"/>
      <c r="BP31" s="684"/>
      <c r="BQ31" s="686"/>
      <c r="BR31" s="683">
        <v>99.2</v>
      </c>
      <c r="BS31" s="684"/>
      <c r="BT31" s="684"/>
      <c r="BU31" s="684"/>
      <c r="BV31" s="684"/>
      <c r="BW31" s="684"/>
      <c r="BX31" s="685">
        <v>96.2</v>
      </c>
      <c r="BY31" s="684"/>
      <c r="BZ31" s="684"/>
      <c r="CA31" s="684"/>
      <c r="CB31" s="686"/>
      <c r="CD31" s="642"/>
      <c r="CE31" s="643"/>
      <c r="CF31" s="618" t="s">
        <v>313</v>
      </c>
      <c r="CG31" s="619"/>
      <c r="CH31" s="619"/>
      <c r="CI31" s="619"/>
      <c r="CJ31" s="619"/>
      <c r="CK31" s="619"/>
      <c r="CL31" s="619"/>
      <c r="CM31" s="619"/>
      <c r="CN31" s="619"/>
      <c r="CO31" s="619"/>
      <c r="CP31" s="619"/>
      <c r="CQ31" s="620"/>
      <c r="CR31" s="621">
        <v>21778</v>
      </c>
      <c r="CS31" s="634"/>
      <c r="CT31" s="634"/>
      <c r="CU31" s="634"/>
      <c r="CV31" s="634"/>
      <c r="CW31" s="634"/>
      <c r="CX31" s="634"/>
      <c r="CY31" s="635"/>
      <c r="CZ31" s="624">
        <v>0.4</v>
      </c>
      <c r="DA31" s="636"/>
      <c r="DB31" s="636"/>
      <c r="DC31" s="637"/>
      <c r="DD31" s="627">
        <v>21778</v>
      </c>
      <c r="DE31" s="634"/>
      <c r="DF31" s="634"/>
      <c r="DG31" s="634"/>
      <c r="DH31" s="634"/>
      <c r="DI31" s="634"/>
      <c r="DJ31" s="634"/>
      <c r="DK31" s="635"/>
      <c r="DL31" s="627">
        <v>21778</v>
      </c>
      <c r="DM31" s="634"/>
      <c r="DN31" s="634"/>
      <c r="DO31" s="634"/>
      <c r="DP31" s="634"/>
      <c r="DQ31" s="634"/>
      <c r="DR31" s="634"/>
      <c r="DS31" s="634"/>
      <c r="DT31" s="634"/>
      <c r="DU31" s="634"/>
      <c r="DV31" s="635"/>
      <c r="DW31" s="624">
        <v>0.7</v>
      </c>
      <c r="DX31" s="636"/>
      <c r="DY31" s="636"/>
      <c r="DZ31" s="636"/>
      <c r="EA31" s="636"/>
      <c r="EB31" s="636"/>
      <c r="EC31" s="648"/>
    </row>
    <row r="32" spans="2:133" ht="11.25" customHeight="1" x14ac:dyDescent="0.2">
      <c r="B32" s="618" t="s">
        <v>314</v>
      </c>
      <c r="C32" s="619"/>
      <c r="D32" s="619"/>
      <c r="E32" s="619"/>
      <c r="F32" s="619"/>
      <c r="G32" s="619"/>
      <c r="H32" s="619"/>
      <c r="I32" s="619"/>
      <c r="J32" s="619"/>
      <c r="K32" s="619"/>
      <c r="L32" s="619"/>
      <c r="M32" s="619"/>
      <c r="N32" s="619"/>
      <c r="O32" s="619"/>
      <c r="P32" s="619"/>
      <c r="Q32" s="620"/>
      <c r="R32" s="621">
        <v>369089</v>
      </c>
      <c r="S32" s="622"/>
      <c r="T32" s="622"/>
      <c r="U32" s="622"/>
      <c r="V32" s="622"/>
      <c r="W32" s="622"/>
      <c r="X32" s="622"/>
      <c r="Y32" s="623"/>
      <c r="Z32" s="659">
        <v>6.4</v>
      </c>
      <c r="AA32" s="659"/>
      <c r="AB32" s="659"/>
      <c r="AC32" s="659"/>
      <c r="AD32" s="660" t="s">
        <v>129</v>
      </c>
      <c r="AE32" s="660"/>
      <c r="AF32" s="660"/>
      <c r="AG32" s="660"/>
      <c r="AH32" s="660"/>
      <c r="AI32" s="660"/>
      <c r="AJ32" s="660"/>
      <c r="AK32" s="660"/>
      <c r="AL32" s="624" t="s">
        <v>129</v>
      </c>
      <c r="AM32" s="625"/>
      <c r="AN32" s="625"/>
      <c r="AO32" s="661"/>
      <c r="AP32" s="662"/>
      <c r="AQ32" s="663"/>
      <c r="AR32" s="663"/>
      <c r="AS32" s="663"/>
      <c r="AT32" s="690"/>
      <c r="AU32" s="214" t="s">
        <v>315</v>
      </c>
      <c r="AX32" s="618" t="s">
        <v>316</v>
      </c>
      <c r="AY32" s="619"/>
      <c r="AZ32" s="619"/>
      <c r="BA32" s="619"/>
      <c r="BB32" s="619"/>
      <c r="BC32" s="619"/>
      <c r="BD32" s="619"/>
      <c r="BE32" s="619"/>
      <c r="BF32" s="620"/>
      <c r="BG32" s="692">
        <v>99.4</v>
      </c>
      <c r="BH32" s="634"/>
      <c r="BI32" s="634"/>
      <c r="BJ32" s="634"/>
      <c r="BK32" s="634"/>
      <c r="BL32" s="634"/>
      <c r="BM32" s="625">
        <v>98.5</v>
      </c>
      <c r="BN32" s="634"/>
      <c r="BO32" s="634"/>
      <c r="BP32" s="634"/>
      <c r="BQ32" s="657"/>
      <c r="BR32" s="692">
        <v>99.6</v>
      </c>
      <c r="BS32" s="634"/>
      <c r="BT32" s="634"/>
      <c r="BU32" s="634"/>
      <c r="BV32" s="634"/>
      <c r="BW32" s="634"/>
      <c r="BX32" s="625">
        <v>98.6</v>
      </c>
      <c r="BY32" s="634"/>
      <c r="BZ32" s="634"/>
      <c r="CA32" s="634"/>
      <c r="CB32" s="657"/>
      <c r="CD32" s="644"/>
      <c r="CE32" s="645"/>
      <c r="CF32" s="618" t="s">
        <v>317</v>
      </c>
      <c r="CG32" s="619"/>
      <c r="CH32" s="619"/>
      <c r="CI32" s="619"/>
      <c r="CJ32" s="619"/>
      <c r="CK32" s="619"/>
      <c r="CL32" s="619"/>
      <c r="CM32" s="619"/>
      <c r="CN32" s="619"/>
      <c r="CO32" s="619"/>
      <c r="CP32" s="619"/>
      <c r="CQ32" s="620"/>
      <c r="CR32" s="621" t="s">
        <v>233</v>
      </c>
      <c r="CS32" s="622"/>
      <c r="CT32" s="622"/>
      <c r="CU32" s="622"/>
      <c r="CV32" s="622"/>
      <c r="CW32" s="622"/>
      <c r="CX32" s="622"/>
      <c r="CY32" s="623"/>
      <c r="CZ32" s="624" t="s">
        <v>233</v>
      </c>
      <c r="DA32" s="636"/>
      <c r="DB32" s="636"/>
      <c r="DC32" s="637"/>
      <c r="DD32" s="627" t="s">
        <v>129</v>
      </c>
      <c r="DE32" s="622"/>
      <c r="DF32" s="622"/>
      <c r="DG32" s="622"/>
      <c r="DH32" s="622"/>
      <c r="DI32" s="622"/>
      <c r="DJ32" s="622"/>
      <c r="DK32" s="623"/>
      <c r="DL32" s="627" t="s">
        <v>233</v>
      </c>
      <c r="DM32" s="622"/>
      <c r="DN32" s="622"/>
      <c r="DO32" s="622"/>
      <c r="DP32" s="622"/>
      <c r="DQ32" s="622"/>
      <c r="DR32" s="622"/>
      <c r="DS32" s="622"/>
      <c r="DT32" s="622"/>
      <c r="DU32" s="622"/>
      <c r="DV32" s="623"/>
      <c r="DW32" s="624" t="s">
        <v>233</v>
      </c>
      <c r="DX32" s="636"/>
      <c r="DY32" s="636"/>
      <c r="DZ32" s="636"/>
      <c r="EA32" s="636"/>
      <c r="EB32" s="636"/>
      <c r="EC32" s="648"/>
    </row>
    <row r="33" spans="2:133" ht="11.25" customHeight="1" x14ac:dyDescent="0.2">
      <c r="B33" s="618" t="s">
        <v>318</v>
      </c>
      <c r="C33" s="619"/>
      <c r="D33" s="619"/>
      <c r="E33" s="619"/>
      <c r="F33" s="619"/>
      <c r="G33" s="619"/>
      <c r="H33" s="619"/>
      <c r="I33" s="619"/>
      <c r="J33" s="619"/>
      <c r="K33" s="619"/>
      <c r="L33" s="619"/>
      <c r="M33" s="619"/>
      <c r="N33" s="619"/>
      <c r="O33" s="619"/>
      <c r="P33" s="619"/>
      <c r="Q33" s="620"/>
      <c r="R33" s="621">
        <v>51582</v>
      </c>
      <c r="S33" s="622"/>
      <c r="T33" s="622"/>
      <c r="U33" s="622"/>
      <c r="V33" s="622"/>
      <c r="W33" s="622"/>
      <c r="X33" s="622"/>
      <c r="Y33" s="623"/>
      <c r="Z33" s="659">
        <v>0.9</v>
      </c>
      <c r="AA33" s="659"/>
      <c r="AB33" s="659"/>
      <c r="AC33" s="659"/>
      <c r="AD33" s="660">
        <v>50118</v>
      </c>
      <c r="AE33" s="660"/>
      <c r="AF33" s="660"/>
      <c r="AG33" s="660"/>
      <c r="AH33" s="660"/>
      <c r="AI33" s="660"/>
      <c r="AJ33" s="660"/>
      <c r="AK33" s="660"/>
      <c r="AL33" s="624">
        <v>1.6</v>
      </c>
      <c r="AM33" s="625"/>
      <c r="AN33" s="625"/>
      <c r="AO33" s="661"/>
      <c r="AP33" s="664"/>
      <c r="AQ33" s="665"/>
      <c r="AR33" s="665"/>
      <c r="AS33" s="665"/>
      <c r="AT33" s="691"/>
      <c r="AU33" s="219"/>
      <c r="AV33" s="219"/>
      <c r="AW33" s="219"/>
      <c r="AX33" s="602" t="s">
        <v>319</v>
      </c>
      <c r="AY33" s="603"/>
      <c r="AZ33" s="603"/>
      <c r="BA33" s="603"/>
      <c r="BB33" s="603"/>
      <c r="BC33" s="603"/>
      <c r="BD33" s="603"/>
      <c r="BE33" s="603"/>
      <c r="BF33" s="604"/>
      <c r="BG33" s="682">
        <v>98.9</v>
      </c>
      <c r="BH33" s="606"/>
      <c r="BI33" s="606"/>
      <c r="BJ33" s="606"/>
      <c r="BK33" s="606"/>
      <c r="BL33" s="606"/>
      <c r="BM33" s="652">
        <v>93.6</v>
      </c>
      <c r="BN33" s="606"/>
      <c r="BO33" s="606"/>
      <c r="BP33" s="606"/>
      <c r="BQ33" s="669"/>
      <c r="BR33" s="682">
        <v>98.8</v>
      </c>
      <c r="BS33" s="606"/>
      <c r="BT33" s="606"/>
      <c r="BU33" s="606"/>
      <c r="BV33" s="606"/>
      <c r="BW33" s="606"/>
      <c r="BX33" s="652">
        <v>93.8</v>
      </c>
      <c r="BY33" s="606"/>
      <c r="BZ33" s="606"/>
      <c r="CA33" s="606"/>
      <c r="CB33" s="669"/>
      <c r="CD33" s="618" t="s">
        <v>320</v>
      </c>
      <c r="CE33" s="619"/>
      <c r="CF33" s="619"/>
      <c r="CG33" s="619"/>
      <c r="CH33" s="619"/>
      <c r="CI33" s="619"/>
      <c r="CJ33" s="619"/>
      <c r="CK33" s="619"/>
      <c r="CL33" s="619"/>
      <c r="CM33" s="619"/>
      <c r="CN33" s="619"/>
      <c r="CO33" s="619"/>
      <c r="CP33" s="619"/>
      <c r="CQ33" s="620"/>
      <c r="CR33" s="621">
        <v>2292746</v>
      </c>
      <c r="CS33" s="634"/>
      <c r="CT33" s="634"/>
      <c r="CU33" s="634"/>
      <c r="CV33" s="634"/>
      <c r="CW33" s="634"/>
      <c r="CX33" s="634"/>
      <c r="CY33" s="635"/>
      <c r="CZ33" s="624">
        <v>43.5</v>
      </c>
      <c r="DA33" s="636"/>
      <c r="DB33" s="636"/>
      <c r="DC33" s="637"/>
      <c r="DD33" s="627">
        <v>1935919</v>
      </c>
      <c r="DE33" s="634"/>
      <c r="DF33" s="634"/>
      <c r="DG33" s="634"/>
      <c r="DH33" s="634"/>
      <c r="DI33" s="634"/>
      <c r="DJ33" s="634"/>
      <c r="DK33" s="635"/>
      <c r="DL33" s="627">
        <v>1334749</v>
      </c>
      <c r="DM33" s="634"/>
      <c r="DN33" s="634"/>
      <c r="DO33" s="634"/>
      <c r="DP33" s="634"/>
      <c r="DQ33" s="634"/>
      <c r="DR33" s="634"/>
      <c r="DS33" s="634"/>
      <c r="DT33" s="634"/>
      <c r="DU33" s="634"/>
      <c r="DV33" s="635"/>
      <c r="DW33" s="624">
        <v>40.700000000000003</v>
      </c>
      <c r="DX33" s="636"/>
      <c r="DY33" s="636"/>
      <c r="DZ33" s="636"/>
      <c r="EA33" s="636"/>
      <c r="EB33" s="636"/>
      <c r="EC33" s="648"/>
    </row>
    <row r="34" spans="2:133" ht="11.25" customHeight="1" x14ac:dyDescent="0.2">
      <c r="B34" s="618" t="s">
        <v>321</v>
      </c>
      <c r="C34" s="619"/>
      <c r="D34" s="619"/>
      <c r="E34" s="619"/>
      <c r="F34" s="619"/>
      <c r="G34" s="619"/>
      <c r="H34" s="619"/>
      <c r="I34" s="619"/>
      <c r="J34" s="619"/>
      <c r="K34" s="619"/>
      <c r="L34" s="619"/>
      <c r="M34" s="619"/>
      <c r="N34" s="619"/>
      <c r="O34" s="619"/>
      <c r="P34" s="619"/>
      <c r="Q34" s="620"/>
      <c r="R34" s="621">
        <v>102723</v>
      </c>
      <c r="S34" s="622"/>
      <c r="T34" s="622"/>
      <c r="U34" s="622"/>
      <c r="V34" s="622"/>
      <c r="W34" s="622"/>
      <c r="X34" s="622"/>
      <c r="Y34" s="623"/>
      <c r="Z34" s="659">
        <v>1.8</v>
      </c>
      <c r="AA34" s="659"/>
      <c r="AB34" s="659"/>
      <c r="AC34" s="659"/>
      <c r="AD34" s="660" t="s">
        <v>129</v>
      </c>
      <c r="AE34" s="660"/>
      <c r="AF34" s="660"/>
      <c r="AG34" s="660"/>
      <c r="AH34" s="660"/>
      <c r="AI34" s="660"/>
      <c r="AJ34" s="660"/>
      <c r="AK34" s="660"/>
      <c r="AL34" s="624" t="s">
        <v>129</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2</v>
      </c>
      <c r="CE34" s="619"/>
      <c r="CF34" s="619"/>
      <c r="CG34" s="619"/>
      <c r="CH34" s="619"/>
      <c r="CI34" s="619"/>
      <c r="CJ34" s="619"/>
      <c r="CK34" s="619"/>
      <c r="CL34" s="619"/>
      <c r="CM34" s="619"/>
      <c r="CN34" s="619"/>
      <c r="CO34" s="619"/>
      <c r="CP34" s="619"/>
      <c r="CQ34" s="620"/>
      <c r="CR34" s="621">
        <v>745032</v>
      </c>
      <c r="CS34" s="622"/>
      <c r="CT34" s="622"/>
      <c r="CU34" s="622"/>
      <c r="CV34" s="622"/>
      <c r="CW34" s="622"/>
      <c r="CX34" s="622"/>
      <c r="CY34" s="623"/>
      <c r="CZ34" s="624">
        <v>14.1</v>
      </c>
      <c r="DA34" s="636"/>
      <c r="DB34" s="636"/>
      <c r="DC34" s="637"/>
      <c r="DD34" s="627">
        <v>529802</v>
      </c>
      <c r="DE34" s="622"/>
      <c r="DF34" s="622"/>
      <c r="DG34" s="622"/>
      <c r="DH34" s="622"/>
      <c r="DI34" s="622"/>
      <c r="DJ34" s="622"/>
      <c r="DK34" s="623"/>
      <c r="DL34" s="627">
        <v>444133</v>
      </c>
      <c r="DM34" s="622"/>
      <c r="DN34" s="622"/>
      <c r="DO34" s="622"/>
      <c r="DP34" s="622"/>
      <c r="DQ34" s="622"/>
      <c r="DR34" s="622"/>
      <c r="DS34" s="622"/>
      <c r="DT34" s="622"/>
      <c r="DU34" s="622"/>
      <c r="DV34" s="623"/>
      <c r="DW34" s="624">
        <v>13.5</v>
      </c>
      <c r="DX34" s="636"/>
      <c r="DY34" s="636"/>
      <c r="DZ34" s="636"/>
      <c r="EA34" s="636"/>
      <c r="EB34" s="636"/>
      <c r="EC34" s="648"/>
    </row>
    <row r="35" spans="2:133" ht="11.25" customHeight="1" x14ac:dyDescent="0.2">
      <c r="B35" s="618" t="s">
        <v>323</v>
      </c>
      <c r="C35" s="619"/>
      <c r="D35" s="619"/>
      <c r="E35" s="619"/>
      <c r="F35" s="619"/>
      <c r="G35" s="619"/>
      <c r="H35" s="619"/>
      <c r="I35" s="619"/>
      <c r="J35" s="619"/>
      <c r="K35" s="619"/>
      <c r="L35" s="619"/>
      <c r="M35" s="619"/>
      <c r="N35" s="619"/>
      <c r="O35" s="619"/>
      <c r="P35" s="619"/>
      <c r="Q35" s="620"/>
      <c r="R35" s="621">
        <v>160180</v>
      </c>
      <c r="S35" s="622"/>
      <c r="T35" s="622"/>
      <c r="U35" s="622"/>
      <c r="V35" s="622"/>
      <c r="W35" s="622"/>
      <c r="X35" s="622"/>
      <c r="Y35" s="623"/>
      <c r="Z35" s="659">
        <v>2.8</v>
      </c>
      <c r="AA35" s="659"/>
      <c r="AB35" s="659"/>
      <c r="AC35" s="659"/>
      <c r="AD35" s="660" t="s">
        <v>233</v>
      </c>
      <c r="AE35" s="660"/>
      <c r="AF35" s="660"/>
      <c r="AG35" s="660"/>
      <c r="AH35" s="660"/>
      <c r="AI35" s="660"/>
      <c r="AJ35" s="660"/>
      <c r="AK35" s="660"/>
      <c r="AL35" s="624" t="s">
        <v>129</v>
      </c>
      <c r="AM35" s="625"/>
      <c r="AN35" s="625"/>
      <c r="AO35" s="661"/>
      <c r="AP35" s="222"/>
      <c r="AQ35" s="673" t="s">
        <v>324</v>
      </c>
      <c r="AR35" s="674"/>
      <c r="AS35" s="674"/>
      <c r="AT35" s="674"/>
      <c r="AU35" s="674"/>
      <c r="AV35" s="674"/>
      <c r="AW35" s="674"/>
      <c r="AX35" s="674"/>
      <c r="AY35" s="674"/>
      <c r="AZ35" s="674"/>
      <c r="BA35" s="674"/>
      <c r="BB35" s="674"/>
      <c r="BC35" s="674"/>
      <c r="BD35" s="674"/>
      <c r="BE35" s="674"/>
      <c r="BF35" s="675"/>
      <c r="BG35" s="673" t="s">
        <v>325</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6</v>
      </c>
      <c r="CE35" s="619"/>
      <c r="CF35" s="619"/>
      <c r="CG35" s="619"/>
      <c r="CH35" s="619"/>
      <c r="CI35" s="619"/>
      <c r="CJ35" s="619"/>
      <c r="CK35" s="619"/>
      <c r="CL35" s="619"/>
      <c r="CM35" s="619"/>
      <c r="CN35" s="619"/>
      <c r="CO35" s="619"/>
      <c r="CP35" s="619"/>
      <c r="CQ35" s="620"/>
      <c r="CR35" s="621">
        <v>13520</v>
      </c>
      <c r="CS35" s="634"/>
      <c r="CT35" s="634"/>
      <c r="CU35" s="634"/>
      <c r="CV35" s="634"/>
      <c r="CW35" s="634"/>
      <c r="CX35" s="634"/>
      <c r="CY35" s="635"/>
      <c r="CZ35" s="624">
        <v>0.3</v>
      </c>
      <c r="DA35" s="636"/>
      <c r="DB35" s="636"/>
      <c r="DC35" s="637"/>
      <c r="DD35" s="627">
        <v>12644</v>
      </c>
      <c r="DE35" s="634"/>
      <c r="DF35" s="634"/>
      <c r="DG35" s="634"/>
      <c r="DH35" s="634"/>
      <c r="DI35" s="634"/>
      <c r="DJ35" s="634"/>
      <c r="DK35" s="635"/>
      <c r="DL35" s="627">
        <v>12176</v>
      </c>
      <c r="DM35" s="634"/>
      <c r="DN35" s="634"/>
      <c r="DO35" s="634"/>
      <c r="DP35" s="634"/>
      <c r="DQ35" s="634"/>
      <c r="DR35" s="634"/>
      <c r="DS35" s="634"/>
      <c r="DT35" s="634"/>
      <c r="DU35" s="634"/>
      <c r="DV35" s="635"/>
      <c r="DW35" s="624">
        <v>0.4</v>
      </c>
      <c r="DX35" s="636"/>
      <c r="DY35" s="636"/>
      <c r="DZ35" s="636"/>
      <c r="EA35" s="636"/>
      <c r="EB35" s="636"/>
      <c r="EC35" s="648"/>
    </row>
    <row r="36" spans="2:133" ht="11.25" customHeight="1" x14ac:dyDescent="0.2">
      <c r="B36" s="618" t="s">
        <v>327</v>
      </c>
      <c r="C36" s="619"/>
      <c r="D36" s="619"/>
      <c r="E36" s="619"/>
      <c r="F36" s="619"/>
      <c r="G36" s="619"/>
      <c r="H36" s="619"/>
      <c r="I36" s="619"/>
      <c r="J36" s="619"/>
      <c r="K36" s="619"/>
      <c r="L36" s="619"/>
      <c r="M36" s="619"/>
      <c r="N36" s="619"/>
      <c r="O36" s="619"/>
      <c r="P36" s="619"/>
      <c r="Q36" s="620"/>
      <c r="R36" s="621">
        <v>325978</v>
      </c>
      <c r="S36" s="622"/>
      <c r="T36" s="622"/>
      <c r="U36" s="622"/>
      <c r="V36" s="622"/>
      <c r="W36" s="622"/>
      <c r="X36" s="622"/>
      <c r="Y36" s="623"/>
      <c r="Z36" s="659">
        <v>5.7</v>
      </c>
      <c r="AA36" s="659"/>
      <c r="AB36" s="659"/>
      <c r="AC36" s="659"/>
      <c r="AD36" s="660" t="s">
        <v>129</v>
      </c>
      <c r="AE36" s="660"/>
      <c r="AF36" s="660"/>
      <c r="AG36" s="660"/>
      <c r="AH36" s="660"/>
      <c r="AI36" s="660"/>
      <c r="AJ36" s="660"/>
      <c r="AK36" s="660"/>
      <c r="AL36" s="624" t="s">
        <v>129</v>
      </c>
      <c r="AM36" s="625"/>
      <c r="AN36" s="625"/>
      <c r="AO36" s="661"/>
      <c r="AP36" s="222"/>
      <c r="AQ36" s="670" t="s">
        <v>328</v>
      </c>
      <c r="AR36" s="671"/>
      <c r="AS36" s="671"/>
      <c r="AT36" s="671"/>
      <c r="AU36" s="671"/>
      <c r="AV36" s="671"/>
      <c r="AW36" s="671"/>
      <c r="AX36" s="671"/>
      <c r="AY36" s="672"/>
      <c r="AZ36" s="676">
        <v>534495</v>
      </c>
      <c r="BA36" s="677"/>
      <c r="BB36" s="677"/>
      <c r="BC36" s="677"/>
      <c r="BD36" s="677"/>
      <c r="BE36" s="677"/>
      <c r="BF36" s="678"/>
      <c r="BG36" s="679" t="s">
        <v>329</v>
      </c>
      <c r="BH36" s="680"/>
      <c r="BI36" s="680"/>
      <c r="BJ36" s="680"/>
      <c r="BK36" s="680"/>
      <c r="BL36" s="680"/>
      <c r="BM36" s="680"/>
      <c r="BN36" s="680"/>
      <c r="BO36" s="680"/>
      <c r="BP36" s="680"/>
      <c r="BQ36" s="680"/>
      <c r="BR36" s="680"/>
      <c r="BS36" s="680"/>
      <c r="BT36" s="680"/>
      <c r="BU36" s="681"/>
      <c r="BV36" s="676">
        <v>44560</v>
      </c>
      <c r="BW36" s="677"/>
      <c r="BX36" s="677"/>
      <c r="BY36" s="677"/>
      <c r="BZ36" s="677"/>
      <c r="CA36" s="677"/>
      <c r="CB36" s="678"/>
      <c r="CD36" s="618" t="s">
        <v>330</v>
      </c>
      <c r="CE36" s="619"/>
      <c r="CF36" s="619"/>
      <c r="CG36" s="619"/>
      <c r="CH36" s="619"/>
      <c r="CI36" s="619"/>
      <c r="CJ36" s="619"/>
      <c r="CK36" s="619"/>
      <c r="CL36" s="619"/>
      <c r="CM36" s="619"/>
      <c r="CN36" s="619"/>
      <c r="CO36" s="619"/>
      <c r="CP36" s="619"/>
      <c r="CQ36" s="620"/>
      <c r="CR36" s="621">
        <v>646412</v>
      </c>
      <c r="CS36" s="622"/>
      <c r="CT36" s="622"/>
      <c r="CU36" s="622"/>
      <c r="CV36" s="622"/>
      <c r="CW36" s="622"/>
      <c r="CX36" s="622"/>
      <c r="CY36" s="623"/>
      <c r="CZ36" s="624">
        <v>12.3</v>
      </c>
      <c r="DA36" s="636"/>
      <c r="DB36" s="636"/>
      <c r="DC36" s="637"/>
      <c r="DD36" s="627">
        <v>587675</v>
      </c>
      <c r="DE36" s="622"/>
      <c r="DF36" s="622"/>
      <c r="DG36" s="622"/>
      <c r="DH36" s="622"/>
      <c r="DI36" s="622"/>
      <c r="DJ36" s="622"/>
      <c r="DK36" s="623"/>
      <c r="DL36" s="627">
        <v>448308</v>
      </c>
      <c r="DM36" s="622"/>
      <c r="DN36" s="622"/>
      <c r="DO36" s="622"/>
      <c r="DP36" s="622"/>
      <c r="DQ36" s="622"/>
      <c r="DR36" s="622"/>
      <c r="DS36" s="622"/>
      <c r="DT36" s="622"/>
      <c r="DU36" s="622"/>
      <c r="DV36" s="623"/>
      <c r="DW36" s="624">
        <v>13.7</v>
      </c>
      <c r="DX36" s="636"/>
      <c r="DY36" s="636"/>
      <c r="DZ36" s="636"/>
      <c r="EA36" s="636"/>
      <c r="EB36" s="636"/>
      <c r="EC36" s="648"/>
    </row>
    <row r="37" spans="2:133" ht="11.25" customHeight="1" x14ac:dyDescent="0.2">
      <c r="B37" s="618" t="s">
        <v>331</v>
      </c>
      <c r="C37" s="619"/>
      <c r="D37" s="619"/>
      <c r="E37" s="619"/>
      <c r="F37" s="619"/>
      <c r="G37" s="619"/>
      <c r="H37" s="619"/>
      <c r="I37" s="619"/>
      <c r="J37" s="619"/>
      <c r="K37" s="619"/>
      <c r="L37" s="619"/>
      <c r="M37" s="619"/>
      <c r="N37" s="619"/>
      <c r="O37" s="619"/>
      <c r="P37" s="619"/>
      <c r="Q37" s="620"/>
      <c r="R37" s="621">
        <v>113146</v>
      </c>
      <c r="S37" s="622"/>
      <c r="T37" s="622"/>
      <c r="U37" s="622"/>
      <c r="V37" s="622"/>
      <c r="W37" s="622"/>
      <c r="X37" s="622"/>
      <c r="Y37" s="623"/>
      <c r="Z37" s="659">
        <v>2</v>
      </c>
      <c r="AA37" s="659"/>
      <c r="AB37" s="659"/>
      <c r="AC37" s="659"/>
      <c r="AD37" s="660">
        <v>17408</v>
      </c>
      <c r="AE37" s="660"/>
      <c r="AF37" s="660"/>
      <c r="AG37" s="660"/>
      <c r="AH37" s="660"/>
      <c r="AI37" s="660"/>
      <c r="AJ37" s="660"/>
      <c r="AK37" s="660"/>
      <c r="AL37" s="624">
        <v>0.5</v>
      </c>
      <c r="AM37" s="625"/>
      <c r="AN37" s="625"/>
      <c r="AO37" s="661"/>
      <c r="AQ37" s="654" t="s">
        <v>332</v>
      </c>
      <c r="AR37" s="655"/>
      <c r="AS37" s="655"/>
      <c r="AT37" s="655"/>
      <c r="AU37" s="655"/>
      <c r="AV37" s="655"/>
      <c r="AW37" s="655"/>
      <c r="AX37" s="655"/>
      <c r="AY37" s="656"/>
      <c r="AZ37" s="621">
        <v>79637</v>
      </c>
      <c r="BA37" s="622"/>
      <c r="BB37" s="622"/>
      <c r="BC37" s="622"/>
      <c r="BD37" s="634"/>
      <c r="BE37" s="634"/>
      <c r="BF37" s="657"/>
      <c r="BG37" s="618" t="s">
        <v>333</v>
      </c>
      <c r="BH37" s="619"/>
      <c r="BI37" s="619"/>
      <c r="BJ37" s="619"/>
      <c r="BK37" s="619"/>
      <c r="BL37" s="619"/>
      <c r="BM37" s="619"/>
      <c r="BN37" s="619"/>
      <c r="BO37" s="619"/>
      <c r="BP37" s="619"/>
      <c r="BQ37" s="619"/>
      <c r="BR37" s="619"/>
      <c r="BS37" s="619"/>
      <c r="BT37" s="619"/>
      <c r="BU37" s="620"/>
      <c r="BV37" s="621">
        <v>32371</v>
      </c>
      <c r="BW37" s="622"/>
      <c r="BX37" s="622"/>
      <c r="BY37" s="622"/>
      <c r="BZ37" s="622"/>
      <c r="CA37" s="622"/>
      <c r="CB37" s="658"/>
      <c r="CD37" s="618" t="s">
        <v>334</v>
      </c>
      <c r="CE37" s="619"/>
      <c r="CF37" s="619"/>
      <c r="CG37" s="619"/>
      <c r="CH37" s="619"/>
      <c r="CI37" s="619"/>
      <c r="CJ37" s="619"/>
      <c r="CK37" s="619"/>
      <c r="CL37" s="619"/>
      <c r="CM37" s="619"/>
      <c r="CN37" s="619"/>
      <c r="CO37" s="619"/>
      <c r="CP37" s="619"/>
      <c r="CQ37" s="620"/>
      <c r="CR37" s="621">
        <v>157671</v>
      </c>
      <c r="CS37" s="634"/>
      <c r="CT37" s="634"/>
      <c r="CU37" s="634"/>
      <c r="CV37" s="634"/>
      <c r="CW37" s="634"/>
      <c r="CX37" s="634"/>
      <c r="CY37" s="635"/>
      <c r="CZ37" s="624">
        <v>3</v>
      </c>
      <c r="DA37" s="636"/>
      <c r="DB37" s="636"/>
      <c r="DC37" s="637"/>
      <c r="DD37" s="627">
        <v>146680</v>
      </c>
      <c r="DE37" s="634"/>
      <c r="DF37" s="634"/>
      <c r="DG37" s="634"/>
      <c r="DH37" s="634"/>
      <c r="DI37" s="634"/>
      <c r="DJ37" s="634"/>
      <c r="DK37" s="635"/>
      <c r="DL37" s="627">
        <v>139543</v>
      </c>
      <c r="DM37" s="634"/>
      <c r="DN37" s="634"/>
      <c r="DO37" s="634"/>
      <c r="DP37" s="634"/>
      <c r="DQ37" s="634"/>
      <c r="DR37" s="634"/>
      <c r="DS37" s="634"/>
      <c r="DT37" s="634"/>
      <c r="DU37" s="634"/>
      <c r="DV37" s="635"/>
      <c r="DW37" s="624">
        <v>4.3</v>
      </c>
      <c r="DX37" s="636"/>
      <c r="DY37" s="636"/>
      <c r="DZ37" s="636"/>
      <c r="EA37" s="636"/>
      <c r="EB37" s="636"/>
      <c r="EC37" s="648"/>
    </row>
    <row r="38" spans="2:133" ht="11.25" customHeight="1" x14ac:dyDescent="0.2">
      <c r="B38" s="618" t="s">
        <v>335</v>
      </c>
      <c r="C38" s="619"/>
      <c r="D38" s="619"/>
      <c r="E38" s="619"/>
      <c r="F38" s="619"/>
      <c r="G38" s="619"/>
      <c r="H38" s="619"/>
      <c r="I38" s="619"/>
      <c r="J38" s="619"/>
      <c r="K38" s="619"/>
      <c r="L38" s="619"/>
      <c r="M38" s="619"/>
      <c r="N38" s="619"/>
      <c r="O38" s="619"/>
      <c r="P38" s="619"/>
      <c r="Q38" s="620"/>
      <c r="R38" s="621">
        <v>380400</v>
      </c>
      <c r="S38" s="622"/>
      <c r="T38" s="622"/>
      <c r="U38" s="622"/>
      <c r="V38" s="622"/>
      <c r="W38" s="622"/>
      <c r="X38" s="622"/>
      <c r="Y38" s="623"/>
      <c r="Z38" s="659">
        <v>6.6</v>
      </c>
      <c r="AA38" s="659"/>
      <c r="AB38" s="659"/>
      <c r="AC38" s="659"/>
      <c r="AD38" s="660" t="s">
        <v>129</v>
      </c>
      <c r="AE38" s="660"/>
      <c r="AF38" s="660"/>
      <c r="AG38" s="660"/>
      <c r="AH38" s="660"/>
      <c r="AI38" s="660"/>
      <c r="AJ38" s="660"/>
      <c r="AK38" s="660"/>
      <c r="AL38" s="624" t="s">
        <v>129</v>
      </c>
      <c r="AM38" s="625"/>
      <c r="AN38" s="625"/>
      <c r="AO38" s="661"/>
      <c r="AQ38" s="654" t="s">
        <v>336</v>
      </c>
      <c r="AR38" s="655"/>
      <c r="AS38" s="655"/>
      <c r="AT38" s="655"/>
      <c r="AU38" s="655"/>
      <c r="AV38" s="655"/>
      <c r="AW38" s="655"/>
      <c r="AX38" s="655"/>
      <c r="AY38" s="656"/>
      <c r="AZ38" s="621">
        <v>19551</v>
      </c>
      <c r="BA38" s="622"/>
      <c r="BB38" s="622"/>
      <c r="BC38" s="622"/>
      <c r="BD38" s="634"/>
      <c r="BE38" s="634"/>
      <c r="BF38" s="657"/>
      <c r="BG38" s="618" t="s">
        <v>337</v>
      </c>
      <c r="BH38" s="619"/>
      <c r="BI38" s="619"/>
      <c r="BJ38" s="619"/>
      <c r="BK38" s="619"/>
      <c r="BL38" s="619"/>
      <c r="BM38" s="619"/>
      <c r="BN38" s="619"/>
      <c r="BO38" s="619"/>
      <c r="BP38" s="619"/>
      <c r="BQ38" s="619"/>
      <c r="BR38" s="619"/>
      <c r="BS38" s="619"/>
      <c r="BT38" s="619"/>
      <c r="BU38" s="620"/>
      <c r="BV38" s="621">
        <v>1516</v>
      </c>
      <c r="BW38" s="622"/>
      <c r="BX38" s="622"/>
      <c r="BY38" s="622"/>
      <c r="BZ38" s="622"/>
      <c r="CA38" s="622"/>
      <c r="CB38" s="658"/>
      <c r="CD38" s="618" t="s">
        <v>338</v>
      </c>
      <c r="CE38" s="619"/>
      <c r="CF38" s="619"/>
      <c r="CG38" s="619"/>
      <c r="CH38" s="619"/>
      <c r="CI38" s="619"/>
      <c r="CJ38" s="619"/>
      <c r="CK38" s="619"/>
      <c r="CL38" s="619"/>
      <c r="CM38" s="619"/>
      <c r="CN38" s="619"/>
      <c r="CO38" s="619"/>
      <c r="CP38" s="619"/>
      <c r="CQ38" s="620"/>
      <c r="CR38" s="621">
        <v>521973</v>
      </c>
      <c r="CS38" s="622"/>
      <c r="CT38" s="622"/>
      <c r="CU38" s="622"/>
      <c r="CV38" s="622"/>
      <c r="CW38" s="622"/>
      <c r="CX38" s="622"/>
      <c r="CY38" s="623"/>
      <c r="CZ38" s="624">
        <v>9.9</v>
      </c>
      <c r="DA38" s="636"/>
      <c r="DB38" s="636"/>
      <c r="DC38" s="637"/>
      <c r="DD38" s="627">
        <v>445460</v>
      </c>
      <c r="DE38" s="622"/>
      <c r="DF38" s="622"/>
      <c r="DG38" s="622"/>
      <c r="DH38" s="622"/>
      <c r="DI38" s="622"/>
      <c r="DJ38" s="622"/>
      <c r="DK38" s="623"/>
      <c r="DL38" s="627">
        <v>430132</v>
      </c>
      <c r="DM38" s="622"/>
      <c r="DN38" s="622"/>
      <c r="DO38" s="622"/>
      <c r="DP38" s="622"/>
      <c r="DQ38" s="622"/>
      <c r="DR38" s="622"/>
      <c r="DS38" s="622"/>
      <c r="DT38" s="622"/>
      <c r="DU38" s="622"/>
      <c r="DV38" s="623"/>
      <c r="DW38" s="624">
        <v>13.1</v>
      </c>
      <c r="DX38" s="636"/>
      <c r="DY38" s="636"/>
      <c r="DZ38" s="636"/>
      <c r="EA38" s="636"/>
      <c r="EB38" s="636"/>
      <c r="EC38" s="648"/>
    </row>
    <row r="39" spans="2:133" ht="11.25" customHeight="1" x14ac:dyDescent="0.2">
      <c r="B39" s="618" t="s">
        <v>339</v>
      </c>
      <c r="C39" s="619"/>
      <c r="D39" s="619"/>
      <c r="E39" s="619"/>
      <c r="F39" s="619"/>
      <c r="G39" s="619"/>
      <c r="H39" s="619"/>
      <c r="I39" s="619"/>
      <c r="J39" s="619"/>
      <c r="K39" s="619"/>
      <c r="L39" s="619"/>
      <c r="M39" s="619"/>
      <c r="N39" s="619"/>
      <c r="O39" s="619"/>
      <c r="P39" s="619"/>
      <c r="Q39" s="620"/>
      <c r="R39" s="621" t="s">
        <v>233</v>
      </c>
      <c r="S39" s="622"/>
      <c r="T39" s="622"/>
      <c r="U39" s="622"/>
      <c r="V39" s="622"/>
      <c r="W39" s="622"/>
      <c r="X39" s="622"/>
      <c r="Y39" s="623"/>
      <c r="Z39" s="659" t="s">
        <v>233</v>
      </c>
      <c r="AA39" s="659"/>
      <c r="AB39" s="659"/>
      <c r="AC39" s="659"/>
      <c r="AD39" s="660" t="s">
        <v>233</v>
      </c>
      <c r="AE39" s="660"/>
      <c r="AF39" s="660"/>
      <c r="AG39" s="660"/>
      <c r="AH39" s="660"/>
      <c r="AI39" s="660"/>
      <c r="AJ39" s="660"/>
      <c r="AK39" s="660"/>
      <c r="AL39" s="624" t="s">
        <v>129</v>
      </c>
      <c r="AM39" s="625"/>
      <c r="AN39" s="625"/>
      <c r="AO39" s="661"/>
      <c r="AQ39" s="654" t="s">
        <v>340</v>
      </c>
      <c r="AR39" s="655"/>
      <c r="AS39" s="655"/>
      <c r="AT39" s="655"/>
      <c r="AU39" s="655"/>
      <c r="AV39" s="655"/>
      <c r="AW39" s="655"/>
      <c r="AX39" s="655"/>
      <c r="AY39" s="656"/>
      <c r="AZ39" s="621">
        <v>12522</v>
      </c>
      <c r="BA39" s="622"/>
      <c r="BB39" s="622"/>
      <c r="BC39" s="622"/>
      <c r="BD39" s="634"/>
      <c r="BE39" s="634"/>
      <c r="BF39" s="657"/>
      <c r="BG39" s="618" t="s">
        <v>341</v>
      </c>
      <c r="BH39" s="619"/>
      <c r="BI39" s="619"/>
      <c r="BJ39" s="619"/>
      <c r="BK39" s="619"/>
      <c r="BL39" s="619"/>
      <c r="BM39" s="619"/>
      <c r="BN39" s="619"/>
      <c r="BO39" s="619"/>
      <c r="BP39" s="619"/>
      <c r="BQ39" s="619"/>
      <c r="BR39" s="619"/>
      <c r="BS39" s="619"/>
      <c r="BT39" s="619"/>
      <c r="BU39" s="620"/>
      <c r="BV39" s="621">
        <v>2258</v>
      </c>
      <c r="BW39" s="622"/>
      <c r="BX39" s="622"/>
      <c r="BY39" s="622"/>
      <c r="BZ39" s="622"/>
      <c r="CA39" s="622"/>
      <c r="CB39" s="658"/>
      <c r="CD39" s="618" t="s">
        <v>342</v>
      </c>
      <c r="CE39" s="619"/>
      <c r="CF39" s="619"/>
      <c r="CG39" s="619"/>
      <c r="CH39" s="619"/>
      <c r="CI39" s="619"/>
      <c r="CJ39" s="619"/>
      <c r="CK39" s="619"/>
      <c r="CL39" s="619"/>
      <c r="CM39" s="619"/>
      <c r="CN39" s="619"/>
      <c r="CO39" s="619"/>
      <c r="CP39" s="619"/>
      <c r="CQ39" s="620"/>
      <c r="CR39" s="621">
        <v>360809</v>
      </c>
      <c r="CS39" s="634"/>
      <c r="CT39" s="634"/>
      <c r="CU39" s="634"/>
      <c r="CV39" s="634"/>
      <c r="CW39" s="634"/>
      <c r="CX39" s="634"/>
      <c r="CY39" s="635"/>
      <c r="CZ39" s="624">
        <v>6.9</v>
      </c>
      <c r="DA39" s="636"/>
      <c r="DB39" s="636"/>
      <c r="DC39" s="637"/>
      <c r="DD39" s="627">
        <v>360338</v>
      </c>
      <c r="DE39" s="634"/>
      <c r="DF39" s="634"/>
      <c r="DG39" s="634"/>
      <c r="DH39" s="634"/>
      <c r="DI39" s="634"/>
      <c r="DJ39" s="634"/>
      <c r="DK39" s="635"/>
      <c r="DL39" s="627" t="s">
        <v>129</v>
      </c>
      <c r="DM39" s="634"/>
      <c r="DN39" s="634"/>
      <c r="DO39" s="634"/>
      <c r="DP39" s="634"/>
      <c r="DQ39" s="634"/>
      <c r="DR39" s="634"/>
      <c r="DS39" s="634"/>
      <c r="DT39" s="634"/>
      <c r="DU39" s="634"/>
      <c r="DV39" s="635"/>
      <c r="DW39" s="624" t="s">
        <v>233</v>
      </c>
      <c r="DX39" s="636"/>
      <c r="DY39" s="636"/>
      <c r="DZ39" s="636"/>
      <c r="EA39" s="636"/>
      <c r="EB39" s="636"/>
      <c r="EC39" s="648"/>
    </row>
    <row r="40" spans="2:133" ht="11.25" customHeight="1" x14ac:dyDescent="0.2">
      <c r="B40" s="618" t="s">
        <v>343</v>
      </c>
      <c r="C40" s="619"/>
      <c r="D40" s="619"/>
      <c r="E40" s="619"/>
      <c r="F40" s="619"/>
      <c r="G40" s="619"/>
      <c r="H40" s="619"/>
      <c r="I40" s="619"/>
      <c r="J40" s="619"/>
      <c r="K40" s="619"/>
      <c r="L40" s="619"/>
      <c r="M40" s="619"/>
      <c r="N40" s="619"/>
      <c r="O40" s="619"/>
      <c r="P40" s="619"/>
      <c r="Q40" s="620"/>
      <c r="R40" s="621">
        <v>67200</v>
      </c>
      <c r="S40" s="622"/>
      <c r="T40" s="622"/>
      <c r="U40" s="622"/>
      <c r="V40" s="622"/>
      <c r="W40" s="622"/>
      <c r="X40" s="622"/>
      <c r="Y40" s="623"/>
      <c r="Z40" s="659">
        <v>1.2</v>
      </c>
      <c r="AA40" s="659"/>
      <c r="AB40" s="659"/>
      <c r="AC40" s="659"/>
      <c r="AD40" s="660" t="s">
        <v>233</v>
      </c>
      <c r="AE40" s="660"/>
      <c r="AF40" s="660"/>
      <c r="AG40" s="660"/>
      <c r="AH40" s="660"/>
      <c r="AI40" s="660"/>
      <c r="AJ40" s="660"/>
      <c r="AK40" s="660"/>
      <c r="AL40" s="624" t="s">
        <v>129</v>
      </c>
      <c r="AM40" s="625"/>
      <c r="AN40" s="625"/>
      <c r="AO40" s="661"/>
      <c r="AQ40" s="654" t="s">
        <v>344</v>
      </c>
      <c r="AR40" s="655"/>
      <c r="AS40" s="655"/>
      <c r="AT40" s="655"/>
      <c r="AU40" s="655"/>
      <c r="AV40" s="655"/>
      <c r="AW40" s="655"/>
      <c r="AX40" s="655"/>
      <c r="AY40" s="656"/>
      <c r="AZ40" s="621" t="s">
        <v>129</v>
      </c>
      <c r="BA40" s="622"/>
      <c r="BB40" s="622"/>
      <c r="BC40" s="622"/>
      <c r="BD40" s="634"/>
      <c r="BE40" s="634"/>
      <c r="BF40" s="657"/>
      <c r="BG40" s="662" t="s">
        <v>345</v>
      </c>
      <c r="BH40" s="663"/>
      <c r="BI40" s="663"/>
      <c r="BJ40" s="663"/>
      <c r="BK40" s="663"/>
      <c r="BL40" s="223"/>
      <c r="BM40" s="619" t="s">
        <v>346</v>
      </c>
      <c r="BN40" s="619"/>
      <c r="BO40" s="619"/>
      <c r="BP40" s="619"/>
      <c r="BQ40" s="619"/>
      <c r="BR40" s="619"/>
      <c r="BS40" s="619"/>
      <c r="BT40" s="619"/>
      <c r="BU40" s="620"/>
      <c r="BV40" s="621">
        <v>111</v>
      </c>
      <c r="BW40" s="622"/>
      <c r="BX40" s="622"/>
      <c r="BY40" s="622"/>
      <c r="BZ40" s="622"/>
      <c r="CA40" s="622"/>
      <c r="CB40" s="658"/>
      <c r="CD40" s="618" t="s">
        <v>347</v>
      </c>
      <c r="CE40" s="619"/>
      <c r="CF40" s="619"/>
      <c r="CG40" s="619"/>
      <c r="CH40" s="619"/>
      <c r="CI40" s="619"/>
      <c r="CJ40" s="619"/>
      <c r="CK40" s="619"/>
      <c r="CL40" s="619"/>
      <c r="CM40" s="619"/>
      <c r="CN40" s="619"/>
      <c r="CO40" s="619"/>
      <c r="CP40" s="619"/>
      <c r="CQ40" s="620"/>
      <c r="CR40" s="621">
        <v>5000</v>
      </c>
      <c r="CS40" s="622"/>
      <c r="CT40" s="622"/>
      <c r="CU40" s="622"/>
      <c r="CV40" s="622"/>
      <c r="CW40" s="622"/>
      <c r="CX40" s="622"/>
      <c r="CY40" s="623"/>
      <c r="CZ40" s="624">
        <v>0.1</v>
      </c>
      <c r="DA40" s="636"/>
      <c r="DB40" s="636"/>
      <c r="DC40" s="637"/>
      <c r="DD40" s="627" t="s">
        <v>233</v>
      </c>
      <c r="DE40" s="622"/>
      <c r="DF40" s="622"/>
      <c r="DG40" s="622"/>
      <c r="DH40" s="622"/>
      <c r="DI40" s="622"/>
      <c r="DJ40" s="622"/>
      <c r="DK40" s="623"/>
      <c r="DL40" s="627" t="s">
        <v>233</v>
      </c>
      <c r="DM40" s="622"/>
      <c r="DN40" s="622"/>
      <c r="DO40" s="622"/>
      <c r="DP40" s="622"/>
      <c r="DQ40" s="622"/>
      <c r="DR40" s="622"/>
      <c r="DS40" s="622"/>
      <c r="DT40" s="622"/>
      <c r="DU40" s="622"/>
      <c r="DV40" s="623"/>
      <c r="DW40" s="624" t="s">
        <v>129</v>
      </c>
      <c r="DX40" s="636"/>
      <c r="DY40" s="636"/>
      <c r="DZ40" s="636"/>
      <c r="EA40" s="636"/>
      <c r="EB40" s="636"/>
      <c r="EC40" s="648"/>
    </row>
    <row r="41" spans="2:133" ht="11.25" customHeight="1" x14ac:dyDescent="0.2">
      <c r="B41" s="602" t="s">
        <v>348</v>
      </c>
      <c r="C41" s="603"/>
      <c r="D41" s="603"/>
      <c r="E41" s="603"/>
      <c r="F41" s="603"/>
      <c r="G41" s="603"/>
      <c r="H41" s="603"/>
      <c r="I41" s="603"/>
      <c r="J41" s="603"/>
      <c r="K41" s="603"/>
      <c r="L41" s="603"/>
      <c r="M41" s="603"/>
      <c r="N41" s="603"/>
      <c r="O41" s="603"/>
      <c r="P41" s="603"/>
      <c r="Q41" s="604"/>
      <c r="R41" s="605">
        <v>5733697</v>
      </c>
      <c r="S41" s="646"/>
      <c r="T41" s="646"/>
      <c r="U41" s="646"/>
      <c r="V41" s="646"/>
      <c r="W41" s="646"/>
      <c r="X41" s="646"/>
      <c r="Y41" s="649"/>
      <c r="Z41" s="650">
        <v>100</v>
      </c>
      <c r="AA41" s="650"/>
      <c r="AB41" s="650"/>
      <c r="AC41" s="650"/>
      <c r="AD41" s="651">
        <v>3211628</v>
      </c>
      <c r="AE41" s="651"/>
      <c r="AF41" s="651"/>
      <c r="AG41" s="651"/>
      <c r="AH41" s="651"/>
      <c r="AI41" s="651"/>
      <c r="AJ41" s="651"/>
      <c r="AK41" s="651"/>
      <c r="AL41" s="608">
        <v>100</v>
      </c>
      <c r="AM41" s="652"/>
      <c r="AN41" s="652"/>
      <c r="AO41" s="653"/>
      <c r="AQ41" s="654" t="s">
        <v>349</v>
      </c>
      <c r="AR41" s="655"/>
      <c r="AS41" s="655"/>
      <c r="AT41" s="655"/>
      <c r="AU41" s="655"/>
      <c r="AV41" s="655"/>
      <c r="AW41" s="655"/>
      <c r="AX41" s="655"/>
      <c r="AY41" s="656"/>
      <c r="AZ41" s="621">
        <v>98322</v>
      </c>
      <c r="BA41" s="622"/>
      <c r="BB41" s="622"/>
      <c r="BC41" s="622"/>
      <c r="BD41" s="634"/>
      <c r="BE41" s="634"/>
      <c r="BF41" s="657"/>
      <c r="BG41" s="662"/>
      <c r="BH41" s="663"/>
      <c r="BI41" s="663"/>
      <c r="BJ41" s="663"/>
      <c r="BK41" s="663"/>
      <c r="BL41" s="223"/>
      <c r="BM41" s="619" t="s">
        <v>350</v>
      </c>
      <c r="BN41" s="619"/>
      <c r="BO41" s="619"/>
      <c r="BP41" s="619"/>
      <c r="BQ41" s="619"/>
      <c r="BR41" s="619"/>
      <c r="BS41" s="619"/>
      <c r="BT41" s="619"/>
      <c r="BU41" s="620"/>
      <c r="BV41" s="621" t="s">
        <v>129</v>
      </c>
      <c r="BW41" s="622"/>
      <c r="BX41" s="622"/>
      <c r="BY41" s="622"/>
      <c r="BZ41" s="622"/>
      <c r="CA41" s="622"/>
      <c r="CB41" s="658"/>
      <c r="CD41" s="618" t="s">
        <v>351</v>
      </c>
      <c r="CE41" s="619"/>
      <c r="CF41" s="619"/>
      <c r="CG41" s="619"/>
      <c r="CH41" s="619"/>
      <c r="CI41" s="619"/>
      <c r="CJ41" s="619"/>
      <c r="CK41" s="619"/>
      <c r="CL41" s="619"/>
      <c r="CM41" s="619"/>
      <c r="CN41" s="619"/>
      <c r="CO41" s="619"/>
      <c r="CP41" s="619"/>
      <c r="CQ41" s="620"/>
      <c r="CR41" s="621" t="s">
        <v>129</v>
      </c>
      <c r="CS41" s="634"/>
      <c r="CT41" s="634"/>
      <c r="CU41" s="634"/>
      <c r="CV41" s="634"/>
      <c r="CW41" s="634"/>
      <c r="CX41" s="634"/>
      <c r="CY41" s="635"/>
      <c r="CZ41" s="624" t="s">
        <v>129</v>
      </c>
      <c r="DA41" s="636"/>
      <c r="DB41" s="636"/>
      <c r="DC41" s="637"/>
      <c r="DD41" s="627" t="s">
        <v>129</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2</v>
      </c>
      <c r="AR42" s="667"/>
      <c r="AS42" s="667"/>
      <c r="AT42" s="667"/>
      <c r="AU42" s="667"/>
      <c r="AV42" s="667"/>
      <c r="AW42" s="667"/>
      <c r="AX42" s="667"/>
      <c r="AY42" s="668"/>
      <c r="AZ42" s="605">
        <v>324463</v>
      </c>
      <c r="BA42" s="646"/>
      <c r="BB42" s="646"/>
      <c r="BC42" s="646"/>
      <c r="BD42" s="606"/>
      <c r="BE42" s="606"/>
      <c r="BF42" s="669"/>
      <c r="BG42" s="664"/>
      <c r="BH42" s="665"/>
      <c r="BI42" s="665"/>
      <c r="BJ42" s="665"/>
      <c r="BK42" s="665"/>
      <c r="BL42" s="224"/>
      <c r="BM42" s="603" t="s">
        <v>353</v>
      </c>
      <c r="BN42" s="603"/>
      <c r="BO42" s="603"/>
      <c r="BP42" s="603"/>
      <c r="BQ42" s="603"/>
      <c r="BR42" s="603"/>
      <c r="BS42" s="603"/>
      <c r="BT42" s="603"/>
      <c r="BU42" s="604"/>
      <c r="BV42" s="605">
        <v>322</v>
      </c>
      <c r="BW42" s="646"/>
      <c r="BX42" s="646"/>
      <c r="BY42" s="646"/>
      <c r="BZ42" s="646"/>
      <c r="CA42" s="646"/>
      <c r="CB42" s="647"/>
      <c r="CD42" s="618" t="s">
        <v>354</v>
      </c>
      <c r="CE42" s="619"/>
      <c r="CF42" s="619"/>
      <c r="CG42" s="619"/>
      <c r="CH42" s="619"/>
      <c r="CI42" s="619"/>
      <c r="CJ42" s="619"/>
      <c r="CK42" s="619"/>
      <c r="CL42" s="619"/>
      <c r="CM42" s="619"/>
      <c r="CN42" s="619"/>
      <c r="CO42" s="619"/>
      <c r="CP42" s="619"/>
      <c r="CQ42" s="620"/>
      <c r="CR42" s="621">
        <v>812344</v>
      </c>
      <c r="CS42" s="634"/>
      <c r="CT42" s="634"/>
      <c r="CU42" s="634"/>
      <c r="CV42" s="634"/>
      <c r="CW42" s="634"/>
      <c r="CX42" s="634"/>
      <c r="CY42" s="635"/>
      <c r="CZ42" s="624">
        <v>15.4</v>
      </c>
      <c r="DA42" s="636"/>
      <c r="DB42" s="636"/>
      <c r="DC42" s="637"/>
      <c r="DD42" s="627">
        <v>131527</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5</v>
      </c>
      <c r="CD43" s="618" t="s">
        <v>356</v>
      </c>
      <c r="CE43" s="619"/>
      <c r="CF43" s="619"/>
      <c r="CG43" s="619"/>
      <c r="CH43" s="619"/>
      <c r="CI43" s="619"/>
      <c r="CJ43" s="619"/>
      <c r="CK43" s="619"/>
      <c r="CL43" s="619"/>
      <c r="CM43" s="619"/>
      <c r="CN43" s="619"/>
      <c r="CO43" s="619"/>
      <c r="CP43" s="619"/>
      <c r="CQ43" s="620"/>
      <c r="CR43" s="621">
        <v>14076</v>
      </c>
      <c r="CS43" s="634"/>
      <c r="CT43" s="634"/>
      <c r="CU43" s="634"/>
      <c r="CV43" s="634"/>
      <c r="CW43" s="634"/>
      <c r="CX43" s="634"/>
      <c r="CY43" s="635"/>
      <c r="CZ43" s="624">
        <v>0.3</v>
      </c>
      <c r="DA43" s="636"/>
      <c r="DB43" s="636"/>
      <c r="DC43" s="637"/>
      <c r="DD43" s="627">
        <v>14076</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7</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4</v>
      </c>
      <c r="CE44" s="641"/>
      <c r="CF44" s="618" t="s">
        <v>358</v>
      </c>
      <c r="CG44" s="619"/>
      <c r="CH44" s="619"/>
      <c r="CI44" s="619"/>
      <c r="CJ44" s="619"/>
      <c r="CK44" s="619"/>
      <c r="CL44" s="619"/>
      <c r="CM44" s="619"/>
      <c r="CN44" s="619"/>
      <c r="CO44" s="619"/>
      <c r="CP44" s="619"/>
      <c r="CQ44" s="620"/>
      <c r="CR44" s="621">
        <v>812344</v>
      </c>
      <c r="CS44" s="622"/>
      <c r="CT44" s="622"/>
      <c r="CU44" s="622"/>
      <c r="CV44" s="622"/>
      <c r="CW44" s="622"/>
      <c r="CX44" s="622"/>
      <c r="CY44" s="623"/>
      <c r="CZ44" s="624">
        <v>15.4</v>
      </c>
      <c r="DA44" s="625"/>
      <c r="DB44" s="625"/>
      <c r="DC44" s="626"/>
      <c r="DD44" s="627">
        <v>131527</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59</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0</v>
      </c>
      <c r="CG45" s="619"/>
      <c r="CH45" s="619"/>
      <c r="CI45" s="619"/>
      <c r="CJ45" s="619"/>
      <c r="CK45" s="619"/>
      <c r="CL45" s="619"/>
      <c r="CM45" s="619"/>
      <c r="CN45" s="619"/>
      <c r="CO45" s="619"/>
      <c r="CP45" s="619"/>
      <c r="CQ45" s="620"/>
      <c r="CR45" s="621">
        <v>655115</v>
      </c>
      <c r="CS45" s="634"/>
      <c r="CT45" s="634"/>
      <c r="CU45" s="634"/>
      <c r="CV45" s="634"/>
      <c r="CW45" s="634"/>
      <c r="CX45" s="634"/>
      <c r="CY45" s="635"/>
      <c r="CZ45" s="624">
        <v>12.4</v>
      </c>
      <c r="DA45" s="636"/>
      <c r="DB45" s="636"/>
      <c r="DC45" s="637"/>
      <c r="DD45" s="627">
        <v>25229</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1</v>
      </c>
      <c r="CG46" s="619"/>
      <c r="CH46" s="619"/>
      <c r="CI46" s="619"/>
      <c r="CJ46" s="619"/>
      <c r="CK46" s="619"/>
      <c r="CL46" s="619"/>
      <c r="CM46" s="619"/>
      <c r="CN46" s="619"/>
      <c r="CO46" s="619"/>
      <c r="CP46" s="619"/>
      <c r="CQ46" s="620"/>
      <c r="CR46" s="621">
        <v>157229</v>
      </c>
      <c r="CS46" s="622"/>
      <c r="CT46" s="622"/>
      <c r="CU46" s="622"/>
      <c r="CV46" s="622"/>
      <c r="CW46" s="622"/>
      <c r="CX46" s="622"/>
      <c r="CY46" s="623"/>
      <c r="CZ46" s="624">
        <v>3</v>
      </c>
      <c r="DA46" s="625"/>
      <c r="DB46" s="625"/>
      <c r="DC46" s="626"/>
      <c r="DD46" s="627">
        <v>106298</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2</v>
      </c>
      <c r="CG47" s="619"/>
      <c r="CH47" s="619"/>
      <c r="CI47" s="619"/>
      <c r="CJ47" s="619"/>
      <c r="CK47" s="619"/>
      <c r="CL47" s="619"/>
      <c r="CM47" s="619"/>
      <c r="CN47" s="619"/>
      <c r="CO47" s="619"/>
      <c r="CP47" s="619"/>
      <c r="CQ47" s="620"/>
      <c r="CR47" s="621" t="s">
        <v>129</v>
      </c>
      <c r="CS47" s="634"/>
      <c r="CT47" s="634"/>
      <c r="CU47" s="634"/>
      <c r="CV47" s="634"/>
      <c r="CW47" s="634"/>
      <c r="CX47" s="634"/>
      <c r="CY47" s="635"/>
      <c r="CZ47" s="624" t="s">
        <v>233</v>
      </c>
      <c r="DA47" s="636"/>
      <c r="DB47" s="636"/>
      <c r="DC47" s="637"/>
      <c r="DD47" s="627" t="s">
        <v>233</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3</v>
      </c>
      <c r="CG48" s="619"/>
      <c r="CH48" s="619"/>
      <c r="CI48" s="619"/>
      <c r="CJ48" s="619"/>
      <c r="CK48" s="619"/>
      <c r="CL48" s="619"/>
      <c r="CM48" s="619"/>
      <c r="CN48" s="619"/>
      <c r="CO48" s="619"/>
      <c r="CP48" s="619"/>
      <c r="CQ48" s="620"/>
      <c r="CR48" s="621" t="s">
        <v>129</v>
      </c>
      <c r="CS48" s="622"/>
      <c r="CT48" s="622"/>
      <c r="CU48" s="622"/>
      <c r="CV48" s="622"/>
      <c r="CW48" s="622"/>
      <c r="CX48" s="622"/>
      <c r="CY48" s="623"/>
      <c r="CZ48" s="624" t="s">
        <v>129</v>
      </c>
      <c r="DA48" s="625"/>
      <c r="DB48" s="625"/>
      <c r="DC48" s="626"/>
      <c r="DD48" s="627" t="s">
        <v>233</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4</v>
      </c>
      <c r="CE49" s="603"/>
      <c r="CF49" s="603"/>
      <c r="CG49" s="603"/>
      <c r="CH49" s="603"/>
      <c r="CI49" s="603"/>
      <c r="CJ49" s="603"/>
      <c r="CK49" s="603"/>
      <c r="CL49" s="603"/>
      <c r="CM49" s="603"/>
      <c r="CN49" s="603"/>
      <c r="CO49" s="603"/>
      <c r="CP49" s="603"/>
      <c r="CQ49" s="604"/>
      <c r="CR49" s="605">
        <v>5265852</v>
      </c>
      <c r="CS49" s="606"/>
      <c r="CT49" s="606"/>
      <c r="CU49" s="606"/>
      <c r="CV49" s="606"/>
      <c r="CW49" s="606"/>
      <c r="CX49" s="606"/>
      <c r="CY49" s="607"/>
      <c r="CZ49" s="608">
        <v>100</v>
      </c>
      <c r="DA49" s="609"/>
      <c r="DB49" s="609"/>
      <c r="DC49" s="610"/>
      <c r="DD49" s="611">
        <v>3580242</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i11oiFwo9vRKVf/fKW1GCLk4R5d7anfEWxi7/GckK2pdGos88Iz2jzkPFpSk4y5qTOP88WH/BzG8wmLp5BFKCA==" saltValue="Du673a6no7A5aZAkWnLQ7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40" zoomScaleNormal="40" zoomScaleSheetLayoutView="70" workbookViewId="0">
      <selection activeCell="CH12" sqref="CH12:CL12"/>
    </sheetView>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65</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66</v>
      </c>
      <c r="DK2" s="1092"/>
      <c r="DL2" s="1092"/>
      <c r="DM2" s="1092"/>
      <c r="DN2" s="1092"/>
      <c r="DO2" s="1093"/>
      <c r="DP2" s="228"/>
      <c r="DQ2" s="1091" t="s">
        <v>367</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68</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69</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0</v>
      </c>
      <c r="B5" s="996"/>
      <c r="C5" s="996"/>
      <c r="D5" s="996"/>
      <c r="E5" s="996"/>
      <c r="F5" s="996"/>
      <c r="G5" s="996"/>
      <c r="H5" s="996"/>
      <c r="I5" s="996"/>
      <c r="J5" s="996"/>
      <c r="K5" s="996"/>
      <c r="L5" s="996"/>
      <c r="M5" s="996"/>
      <c r="N5" s="996"/>
      <c r="O5" s="996"/>
      <c r="P5" s="997"/>
      <c r="Q5" s="1001" t="s">
        <v>371</v>
      </c>
      <c r="R5" s="1002"/>
      <c r="S5" s="1002"/>
      <c r="T5" s="1002"/>
      <c r="U5" s="1003"/>
      <c r="V5" s="1001" t="s">
        <v>372</v>
      </c>
      <c r="W5" s="1002"/>
      <c r="X5" s="1002"/>
      <c r="Y5" s="1002"/>
      <c r="Z5" s="1003"/>
      <c r="AA5" s="1001" t="s">
        <v>373</v>
      </c>
      <c r="AB5" s="1002"/>
      <c r="AC5" s="1002"/>
      <c r="AD5" s="1002"/>
      <c r="AE5" s="1002"/>
      <c r="AF5" s="1094" t="s">
        <v>374</v>
      </c>
      <c r="AG5" s="1002"/>
      <c r="AH5" s="1002"/>
      <c r="AI5" s="1002"/>
      <c r="AJ5" s="1015"/>
      <c r="AK5" s="1002" t="s">
        <v>375</v>
      </c>
      <c r="AL5" s="1002"/>
      <c r="AM5" s="1002"/>
      <c r="AN5" s="1002"/>
      <c r="AO5" s="1003"/>
      <c r="AP5" s="1001" t="s">
        <v>376</v>
      </c>
      <c r="AQ5" s="1002"/>
      <c r="AR5" s="1002"/>
      <c r="AS5" s="1002"/>
      <c r="AT5" s="1003"/>
      <c r="AU5" s="1001" t="s">
        <v>377</v>
      </c>
      <c r="AV5" s="1002"/>
      <c r="AW5" s="1002"/>
      <c r="AX5" s="1002"/>
      <c r="AY5" s="1015"/>
      <c r="AZ5" s="232"/>
      <c r="BA5" s="232"/>
      <c r="BB5" s="232"/>
      <c r="BC5" s="232"/>
      <c r="BD5" s="232"/>
      <c r="BE5" s="233"/>
      <c r="BF5" s="233"/>
      <c r="BG5" s="233"/>
      <c r="BH5" s="233"/>
      <c r="BI5" s="233"/>
      <c r="BJ5" s="233"/>
      <c r="BK5" s="233"/>
      <c r="BL5" s="233"/>
      <c r="BM5" s="233"/>
      <c r="BN5" s="233"/>
      <c r="BO5" s="233"/>
      <c r="BP5" s="233"/>
      <c r="BQ5" s="995" t="s">
        <v>378</v>
      </c>
      <c r="BR5" s="996"/>
      <c r="BS5" s="996"/>
      <c r="BT5" s="996"/>
      <c r="BU5" s="996"/>
      <c r="BV5" s="996"/>
      <c r="BW5" s="996"/>
      <c r="BX5" s="996"/>
      <c r="BY5" s="996"/>
      <c r="BZ5" s="996"/>
      <c r="CA5" s="996"/>
      <c r="CB5" s="996"/>
      <c r="CC5" s="996"/>
      <c r="CD5" s="996"/>
      <c r="CE5" s="996"/>
      <c r="CF5" s="996"/>
      <c r="CG5" s="997"/>
      <c r="CH5" s="1001" t="s">
        <v>379</v>
      </c>
      <c r="CI5" s="1002"/>
      <c r="CJ5" s="1002"/>
      <c r="CK5" s="1002"/>
      <c r="CL5" s="1003"/>
      <c r="CM5" s="1001" t="s">
        <v>380</v>
      </c>
      <c r="CN5" s="1002"/>
      <c r="CO5" s="1002"/>
      <c r="CP5" s="1002"/>
      <c r="CQ5" s="1003"/>
      <c r="CR5" s="1001" t="s">
        <v>381</v>
      </c>
      <c r="CS5" s="1002"/>
      <c r="CT5" s="1002"/>
      <c r="CU5" s="1002"/>
      <c r="CV5" s="1003"/>
      <c r="CW5" s="1001" t="s">
        <v>382</v>
      </c>
      <c r="CX5" s="1002"/>
      <c r="CY5" s="1002"/>
      <c r="CZ5" s="1002"/>
      <c r="DA5" s="1003"/>
      <c r="DB5" s="1001" t="s">
        <v>383</v>
      </c>
      <c r="DC5" s="1002"/>
      <c r="DD5" s="1002"/>
      <c r="DE5" s="1002"/>
      <c r="DF5" s="1003"/>
      <c r="DG5" s="1084" t="s">
        <v>384</v>
      </c>
      <c r="DH5" s="1085"/>
      <c r="DI5" s="1085"/>
      <c r="DJ5" s="1085"/>
      <c r="DK5" s="1086"/>
      <c r="DL5" s="1084" t="s">
        <v>385</v>
      </c>
      <c r="DM5" s="1085"/>
      <c r="DN5" s="1085"/>
      <c r="DO5" s="1085"/>
      <c r="DP5" s="1086"/>
      <c r="DQ5" s="1001" t="s">
        <v>386</v>
      </c>
      <c r="DR5" s="1002"/>
      <c r="DS5" s="1002"/>
      <c r="DT5" s="1002"/>
      <c r="DU5" s="1003"/>
      <c r="DV5" s="1001" t="s">
        <v>377</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87</v>
      </c>
      <c r="C7" s="1048"/>
      <c r="D7" s="1048"/>
      <c r="E7" s="1048"/>
      <c r="F7" s="1048"/>
      <c r="G7" s="1048"/>
      <c r="H7" s="1048"/>
      <c r="I7" s="1048"/>
      <c r="J7" s="1048"/>
      <c r="K7" s="1048"/>
      <c r="L7" s="1048"/>
      <c r="M7" s="1048"/>
      <c r="N7" s="1048"/>
      <c r="O7" s="1048"/>
      <c r="P7" s="1049"/>
      <c r="Q7" s="1102">
        <v>5745</v>
      </c>
      <c r="R7" s="1103"/>
      <c r="S7" s="1103"/>
      <c r="T7" s="1103"/>
      <c r="U7" s="1103"/>
      <c r="V7" s="1103">
        <v>5277</v>
      </c>
      <c r="W7" s="1103"/>
      <c r="X7" s="1103"/>
      <c r="Y7" s="1103"/>
      <c r="Z7" s="1103"/>
      <c r="AA7" s="1103">
        <v>468</v>
      </c>
      <c r="AB7" s="1103"/>
      <c r="AC7" s="1103"/>
      <c r="AD7" s="1103"/>
      <c r="AE7" s="1104"/>
      <c r="AF7" s="1105">
        <v>385</v>
      </c>
      <c r="AG7" s="1106"/>
      <c r="AH7" s="1106"/>
      <c r="AI7" s="1106"/>
      <c r="AJ7" s="1107"/>
      <c r="AK7" s="1108">
        <v>160</v>
      </c>
      <c r="AL7" s="1109"/>
      <c r="AM7" s="1109"/>
      <c r="AN7" s="1109"/>
      <c r="AO7" s="1109"/>
      <c r="AP7" s="1109">
        <v>5559</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72</v>
      </c>
      <c r="BT7" s="1100"/>
      <c r="BU7" s="1100"/>
      <c r="BV7" s="1100"/>
      <c r="BW7" s="1100"/>
      <c r="BX7" s="1100"/>
      <c r="BY7" s="1100"/>
      <c r="BZ7" s="1100"/>
      <c r="CA7" s="1100"/>
      <c r="CB7" s="1100"/>
      <c r="CC7" s="1100"/>
      <c r="CD7" s="1100"/>
      <c r="CE7" s="1100"/>
      <c r="CF7" s="1100"/>
      <c r="CG7" s="1112"/>
      <c r="CH7" s="1096">
        <v>0</v>
      </c>
      <c r="CI7" s="1097"/>
      <c r="CJ7" s="1097"/>
      <c r="CK7" s="1097"/>
      <c r="CL7" s="1098"/>
      <c r="CM7" s="1096">
        <v>6</v>
      </c>
      <c r="CN7" s="1097"/>
      <c r="CO7" s="1097"/>
      <c r="CP7" s="1097"/>
      <c r="CQ7" s="1098"/>
      <c r="CR7" s="1096">
        <v>3</v>
      </c>
      <c r="CS7" s="1097"/>
      <c r="CT7" s="1097"/>
      <c r="CU7" s="1097"/>
      <c r="CV7" s="1098"/>
      <c r="CW7" s="1096" t="s">
        <v>507</v>
      </c>
      <c r="CX7" s="1097"/>
      <c r="CY7" s="1097"/>
      <c r="CZ7" s="1097"/>
      <c r="DA7" s="1098"/>
      <c r="DB7" s="1096" t="s">
        <v>507</v>
      </c>
      <c r="DC7" s="1097"/>
      <c r="DD7" s="1097"/>
      <c r="DE7" s="1097"/>
      <c r="DF7" s="1098"/>
      <c r="DG7" s="1096" t="s">
        <v>507</v>
      </c>
      <c r="DH7" s="1097"/>
      <c r="DI7" s="1097"/>
      <c r="DJ7" s="1097"/>
      <c r="DK7" s="1098"/>
      <c r="DL7" s="1096" t="s">
        <v>507</v>
      </c>
      <c r="DM7" s="1097"/>
      <c r="DN7" s="1097"/>
      <c r="DO7" s="1097"/>
      <c r="DP7" s="1098"/>
      <c r="DQ7" s="1096" t="s">
        <v>507</v>
      </c>
      <c r="DR7" s="1097"/>
      <c r="DS7" s="1097"/>
      <c r="DT7" s="1097"/>
      <c r="DU7" s="1098"/>
      <c r="DV7" s="1099"/>
      <c r="DW7" s="1100"/>
      <c r="DX7" s="1100"/>
      <c r="DY7" s="1100"/>
      <c r="DZ7" s="1101"/>
      <c r="EA7" s="234"/>
    </row>
    <row r="8" spans="1:131" s="235" customFormat="1" ht="26.25" customHeight="1" x14ac:dyDescent="0.2">
      <c r="A8" s="238">
        <v>2</v>
      </c>
      <c r="B8" s="1030" t="s">
        <v>388</v>
      </c>
      <c r="C8" s="1031"/>
      <c r="D8" s="1031"/>
      <c r="E8" s="1031"/>
      <c r="F8" s="1031"/>
      <c r="G8" s="1031"/>
      <c r="H8" s="1031"/>
      <c r="I8" s="1031"/>
      <c r="J8" s="1031"/>
      <c r="K8" s="1031"/>
      <c r="L8" s="1031"/>
      <c r="M8" s="1031"/>
      <c r="N8" s="1031"/>
      <c r="O8" s="1031"/>
      <c r="P8" s="1032"/>
      <c r="Q8" s="1038">
        <v>15</v>
      </c>
      <c r="R8" s="1039"/>
      <c r="S8" s="1039"/>
      <c r="T8" s="1039"/>
      <c r="U8" s="1039"/>
      <c r="V8" s="1039">
        <v>15</v>
      </c>
      <c r="W8" s="1039"/>
      <c r="X8" s="1039"/>
      <c r="Y8" s="1039"/>
      <c r="Z8" s="1039"/>
      <c r="AA8" s="1039">
        <v>0</v>
      </c>
      <c r="AB8" s="1039"/>
      <c r="AC8" s="1039"/>
      <c r="AD8" s="1039"/>
      <c r="AE8" s="1040"/>
      <c r="AF8" s="1035">
        <v>0</v>
      </c>
      <c r="AG8" s="1036"/>
      <c r="AH8" s="1036"/>
      <c r="AI8" s="1036"/>
      <c r="AJ8" s="1037"/>
      <c r="AK8" s="1080">
        <v>15</v>
      </c>
      <c r="AL8" s="1081"/>
      <c r="AM8" s="1081"/>
      <c r="AN8" s="1081"/>
      <c r="AO8" s="1081"/>
      <c r="AP8" s="1081">
        <v>46</v>
      </c>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89</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0</v>
      </c>
      <c r="B23" s="937" t="s">
        <v>391</v>
      </c>
      <c r="C23" s="938"/>
      <c r="D23" s="938"/>
      <c r="E23" s="938"/>
      <c r="F23" s="938"/>
      <c r="G23" s="938"/>
      <c r="H23" s="938"/>
      <c r="I23" s="938"/>
      <c r="J23" s="938"/>
      <c r="K23" s="938"/>
      <c r="L23" s="938"/>
      <c r="M23" s="938"/>
      <c r="N23" s="938"/>
      <c r="O23" s="938"/>
      <c r="P23" s="948"/>
      <c r="Q23" s="1067">
        <v>5745</v>
      </c>
      <c r="R23" s="1061"/>
      <c r="S23" s="1061"/>
      <c r="T23" s="1061"/>
      <c r="U23" s="1061"/>
      <c r="V23" s="1061">
        <v>5277</v>
      </c>
      <c r="W23" s="1061"/>
      <c r="X23" s="1061"/>
      <c r="Y23" s="1061"/>
      <c r="Z23" s="1061"/>
      <c r="AA23" s="1061">
        <v>468</v>
      </c>
      <c r="AB23" s="1061"/>
      <c r="AC23" s="1061"/>
      <c r="AD23" s="1061"/>
      <c r="AE23" s="1068"/>
      <c r="AF23" s="1069">
        <v>385</v>
      </c>
      <c r="AG23" s="1061"/>
      <c r="AH23" s="1061"/>
      <c r="AI23" s="1061"/>
      <c r="AJ23" s="1070"/>
      <c r="AK23" s="1071"/>
      <c r="AL23" s="1072"/>
      <c r="AM23" s="1072"/>
      <c r="AN23" s="1072"/>
      <c r="AO23" s="1072"/>
      <c r="AP23" s="1061">
        <v>5604</v>
      </c>
      <c r="AQ23" s="1061"/>
      <c r="AR23" s="1061"/>
      <c r="AS23" s="1061"/>
      <c r="AT23" s="1061"/>
      <c r="AU23" s="1062"/>
      <c r="AV23" s="1062"/>
      <c r="AW23" s="1062"/>
      <c r="AX23" s="1062"/>
      <c r="AY23" s="1063"/>
      <c r="AZ23" s="1064" t="s">
        <v>129</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2</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93</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0</v>
      </c>
      <c r="B26" s="996"/>
      <c r="C26" s="996"/>
      <c r="D26" s="996"/>
      <c r="E26" s="996"/>
      <c r="F26" s="996"/>
      <c r="G26" s="996"/>
      <c r="H26" s="996"/>
      <c r="I26" s="996"/>
      <c r="J26" s="996"/>
      <c r="K26" s="996"/>
      <c r="L26" s="996"/>
      <c r="M26" s="996"/>
      <c r="N26" s="996"/>
      <c r="O26" s="996"/>
      <c r="P26" s="997"/>
      <c r="Q26" s="1001" t="s">
        <v>394</v>
      </c>
      <c r="R26" s="1002"/>
      <c r="S26" s="1002"/>
      <c r="T26" s="1002"/>
      <c r="U26" s="1003"/>
      <c r="V26" s="1001" t="s">
        <v>395</v>
      </c>
      <c r="W26" s="1002"/>
      <c r="X26" s="1002"/>
      <c r="Y26" s="1002"/>
      <c r="Z26" s="1003"/>
      <c r="AA26" s="1001" t="s">
        <v>396</v>
      </c>
      <c r="AB26" s="1002"/>
      <c r="AC26" s="1002"/>
      <c r="AD26" s="1002"/>
      <c r="AE26" s="1002"/>
      <c r="AF26" s="1055" t="s">
        <v>397</v>
      </c>
      <c r="AG26" s="1008"/>
      <c r="AH26" s="1008"/>
      <c r="AI26" s="1008"/>
      <c r="AJ26" s="1056"/>
      <c r="AK26" s="1002" t="s">
        <v>398</v>
      </c>
      <c r="AL26" s="1002"/>
      <c r="AM26" s="1002"/>
      <c r="AN26" s="1002"/>
      <c r="AO26" s="1003"/>
      <c r="AP26" s="1001" t="s">
        <v>399</v>
      </c>
      <c r="AQ26" s="1002"/>
      <c r="AR26" s="1002"/>
      <c r="AS26" s="1002"/>
      <c r="AT26" s="1003"/>
      <c r="AU26" s="1001" t="s">
        <v>400</v>
      </c>
      <c r="AV26" s="1002"/>
      <c r="AW26" s="1002"/>
      <c r="AX26" s="1002"/>
      <c r="AY26" s="1003"/>
      <c r="AZ26" s="1001" t="s">
        <v>401</v>
      </c>
      <c r="BA26" s="1002"/>
      <c r="BB26" s="1002"/>
      <c r="BC26" s="1002"/>
      <c r="BD26" s="1003"/>
      <c r="BE26" s="1001" t="s">
        <v>377</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2</v>
      </c>
      <c r="C28" s="1048"/>
      <c r="D28" s="1048"/>
      <c r="E28" s="1048"/>
      <c r="F28" s="1048"/>
      <c r="G28" s="1048"/>
      <c r="H28" s="1048"/>
      <c r="I28" s="1048"/>
      <c r="J28" s="1048"/>
      <c r="K28" s="1048"/>
      <c r="L28" s="1048"/>
      <c r="M28" s="1048"/>
      <c r="N28" s="1048"/>
      <c r="O28" s="1048"/>
      <c r="P28" s="1049"/>
      <c r="Q28" s="1050">
        <v>1130</v>
      </c>
      <c r="R28" s="1051"/>
      <c r="S28" s="1051"/>
      <c r="T28" s="1051"/>
      <c r="U28" s="1051"/>
      <c r="V28" s="1051">
        <v>1085</v>
      </c>
      <c r="W28" s="1051"/>
      <c r="X28" s="1051"/>
      <c r="Y28" s="1051"/>
      <c r="Z28" s="1051"/>
      <c r="AA28" s="1051">
        <v>45</v>
      </c>
      <c r="AB28" s="1051"/>
      <c r="AC28" s="1051"/>
      <c r="AD28" s="1051"/>
      <c r="AE28" s="1052"/>
      <c r="AF28" s="1053">
        <v>45</v>
      </c>
      <c r="AG28" s="1051"/>
      <c r="AH28" s="1051"/>
      <c r="AI28" s="1051"/>
      <c r="AJ28" s="1054"/>
      <c r="AK28" s="1042">
        <v>107</v>
      </c>
      <c r="AL28" s="1043"/>
      <c r="AM28" s="1043"/>
      <c r="AN28" s="1043"/>
      <c r="AO28" s="1043"/>
      <c r="AP28" s="1043" t="s">
        <v>507</v>
      </c>
      <c r="AQ28" s="1043"/>
      <c r="AR28" s="1043"/>
      <c r="AS28" s="1043"/>
      <c r="AT28" s="1043"/>
      <c r="AU28" s="1043" t="s">
        <v>507</v>
      </c>
      <c r="AV28" s="1043"/>
      <c r="AW28" s="1043"/>
      <c r="AX28" s="1043"/>
      <c r="AY28" s="1043"/>
      <c r="AZ28" s="1044" t="s">
        <v>507</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3</v>
      </c>
      <c r="C29" s="1031"/>
      <c r="D29" s="1031"/>
      <c r="E29" s="1031"/>
      <c r="F29" s="1031"/>
      <c r="G29" s="1031"/>
      <c r="H29" s="1031"/>
      <c r="I29" s="1031"/>
      <c r="J29" s="1031"/>
      <c r="K29" s="1031"/>
      <c r="L29" s="1031"/>
      <c r="M29" s="1031"/>
      <c r="N29" s="1031"/>
      <c r="O29" s="1031"/>
      <c r="P29" s="1032"/>
      <c r="Q29" s="1038">
        <v>49</v>
      </c>
      <c r="R29" s="1039"/>
      <c r="S29" s="1039"/>
      <c r="T29" s="1039"/>
      <c r="U29" s="1039"/>
      <c r="V29" s="1039">
        <v>44</v>
      </c>
      <c r="W29" s="1039"/>
      <c r="X29" s="1039"/>
      <c r="Y29" s="1039"/>
      <c r="Z29" s="1039"/>
      <c r="AA29" s="1039">
        <v>6</v>
      </c>
      <c r="AB29" s="1039"/>
      <c r="AC29" s="1039"/>
      <c r="AD29" s="1039"/>
      <c r="AE29" s="1040"/>
      <c r="AF29" s="1035">
        <v>6</v>
      </c>
      <c r="AG29" s="1036"/>
      <c r="AH29" s="1036"/>
      <c r="AI29" s="1036"/>
      <c r="AJ29" s="1037"/>
      <c r="AK29" s="980">
        <v>10</v>
      </c>
      <c r="AL29" s="971"/>
      <c r="AM29" s="971"/>
      <c r="AN29" s="971"/>
      <c r="AO29" s="971"/>
      <c r="AP29" s="971" t="s">
        <v>507</v>
      </c>
      <c r="AQ29" s="971"/>
      <c r="AR29" s="971"/>
      <c r="AS29" s="971"/>
      <c r="AT29" s="971"/>
      <c r="AU29" s="971" t="s">
        <v>507</v>
      </c>
      <c r="AV29" s="971"/>
      <c r="AW29" s="971"/>
      <c r="AX29" s="971"/>
      <c r="AY29" s="971"/>
      <c r="AZ29" s="1041" t="s">
        <v>507</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4</v>
      </c>
      <c r="C30" s="1031"/>
      <c r="D30" s="1031"/>
      <c r="E30" s="1031"/>
      <c r="F30" s="1031"/>
      <c r="G30" s="1031"/>
      <c r="H30" s="1031"/>
      <c r="I30" s="1031"/>
      <c r="J30" s="1031"/>
      <c r="K30" s="1031"/>
      <c r="L30" s="1031"/>
      <c r="M30" s="1031"/>
      <c r="N30" s="1031"/>
      <c r="O30" s="1031"/>
      <c r="P30" s="1032"/>
      <c r="Q30" s="1038">
        <v>1150</v>
      </c>
      <c r="R30" s="1039"/>
      <c r="S30" s="1039"/>
      <c r="T30" s="1039"/>
      <c r="U30" s="1039"/>
      <c r="V30" s="1039">
        <v>1064</v>
      </c>
      <c r="W30" s="1039"/>
      <c r="X30" s="1039"/>
      <c r="Y30" s="1039"/>
      <c r="Z30" s="1039"/>
      <c r="AA30" s="1039">
        <v>85</v>
      </c>
      <c r="AB30" s="1039"/>
      <c r="AC30" s="1039"/>
      <c r="AD30" s="1039"/>
      <c r="AE30" s="1040"/>
      <c r="AF30" s="1035">
        <v>85</v>
      </c>
      <c r="AG30" s="1036"/>
      <c r="AH30" s="1036"/>
      <c r="AI30" s="1036"/>
      <c r="AJ30" s="1037"/>
      <c r="AK30" s="980">
        <v>221</v>
      </c>
      <c r="AL30" s="971"/>
      <c r="AM30" s="971"/>
      <c r="AN30" s="971"/>
      <c r="AO30" s="971"/>
      <c r="AP30" s="971" t="s">
        <v>507</v>
      </c>
      <c r="AQ30" s="971"/>
      <c r="AR30" s="971"/>
      <c r="AS30" s="971"/>
      <c r="AT30" s="971"/>
      <c r="AU30" s="971" t="s">
        <v>507</v>
      </c>
      <c r="AV30" s="971"/>
      <c r="AW30" s="971"/>
      <c r="AX30" s="971"/>
      <c r="AY30" s="971"/>
      <c r="AZ30" s="1041" t="s">
        <v>507</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05</v>
      </c>
      <c r="C31" s="1031"/>
      <c r="D31" s="1031"/>
      <c r="E31" s="1031"/>
      <c r="F31" s="1031"/>
      <c r="G31" s="1031"/>
      <c r="H31" s="1031"/>
      <c r="I31" s="1031"/>
      <c r="J31" s="1031"/>
      <c r="K31" s="1031"/>
      <c r="L31" s="1031"/>
      <c r="M31" s="1031"/>
      <c r="N31" s="1031"/>
      <c r="O31" s="1031"/>
      <c r="P31" s="1032"/>
      <c r="Q31" s="1038">
        <v>204</v>
      </c>
      <c r="R31" s="1039"/>
      <c r="S31" s="1039"/>
      <c r="T31" s="1039"/>
      <c r="U31" s="1039"/>
      <c r="V31" s="1039">
        <v>191</v>
      </c>
      <c r="W31" s="1039"/>
      <c r="X31" s="1039"/>
      <c r="Y31" s="1039"/>
      <c r="Z31" s="1039"/>
      <c r="AA31" s="1039">
        <v>12</v>
      </c>
      <c r="AB31" s="1039"/>
      <c r="AC31" s="1039"/>
      <c r="AD31" s="1039"/>
      <c r="AE31" s="1040"/>
      <c r="AF31" s="1035">
        <v>12</v>
      </c>
      <c r="AG31" s="1036"/>
      <c r="AH31" s="1036"/>
      <c r="AI31" s="1036"/>
      <c r="AJ31" s="1037"/>
      <c r="AK31" s="980">
        <v>29</v>
      </c>
      <c r="AL31" s="971"/>
      <c r="AM31" s="971"/>
      <c r="AN31" s="971"/>
      <c r="AO31" s="971"/>
      <c r="AP31" s="971" t="s">
        <v>507</v>
      </c>
      <c r="AQ31" s="971"/>
      <c r="AR31" s="971"/>
      <c r="AS31" s="971"/>
      <c r="AT31" s="971"/>
      <c r="AU31" s="971" t="s">
        <v>507</v>
      </c>
      <c r="AV31" s="971"/>
      <c r="AW31" s="971"/>
      <c r="AX31" s="971"/>
      <c r="AY31" s="971"/>
      <c r="AZ31" s="1041" t="s">
        <v>507</v>
      </c>
      <c r="BA31" s="1041"/>
      <c r="BB31" s="1041"/>
      <c r="BC31" s="1041"/>
      <c r="BD31" s="1041"/>
      <c r="BE31" s="972"/>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06</v>
      </c>
      <c r="C32" s="1031"/>
      <c r="D32" s="1031"/>
      <c r="E32" s="1031"/>
      <c r="F32" s="1031"/>
      <c r="G32" s="1031"/>
      <c r="H32" s="1031"/>
      <c r="I32" s="1031"/>
      <c r="J32" s="1031"/>
      <c r="K32" s="1031"/>
      <c r="L32" s="1031"/>
      <c r="M32" s="1031"/>
      <c r="N32" s="1031"/>
      <c r="O32" s="1031"/>
      <c r="P32" s="1032"/>
      <c r="Q32" s="1038">
        <v>119</v>
      </c>
      <c r="R32" s="1039"/>
      <c r="S32" s="1039"/>
      <c r="T32" s="1039"/>
      <c r="U32" s="1039"/>
      <c r="V32" s="1039">
        <v>115</v>
      </c>
      <c r="W32" s="1039"/>
      <c r="X32" s="1039"/>
      <c r="Y32" s="1039"/>
      <c r="Z32" s="1039"/>
      <c r="AA32" s="1039">
        <v>4</v>
      </c>
      <c r="AB32" s="1039"/>
      <c r="AC32" s="1039"/>
      <c r="AD32" s="1039"/>
      <c r="AE32" s="1040"/>
      <c r="AF32" s="1035">
        <v>505</v>
      </c>
      <c r="AG32" s="1036"/>
      <c r="AH32" s="1036"/>
      <c r="AI32" s="1036"/>
      <c r="AJ32" s="1037"/>
      <c r="AK32" s="980">
        <v>1</v>
      </c>
      <c r="AL32" s="971"/>
      <c r="AM32" s="971"/>
      <c r="AN32" s="971"/>
      <c r="AO32" s="971"/>
      <c r="AP32" s="971">
        <v>189</v>
      </c>
      <c r="AQ32" s="971"/>
      <c r="AR32" s="971"/>
      <c r="AS32" s="971"/>
      <c r="AT32" s="971"/>
      <c r="AU32" s="971">
        <v>3</v>
      </c>
      <c r="AV32" s="971"/>
      <c r="AW32" s="971"/>
      <c r="AX32" s="971"/>
      <c r="AY32" s="971"/>
      <c r="AZ32" s="1041" t="s">
        <v>507</v>
      </c>
      <c r="BA32" s="1041"/>
      <c r="BB32" s="1041"/>
      <c r="BC32" s="1041"/>
      <c r="BD32" s="1041"/>
      <c r="BE32" s="972" t="s">
        <v>407</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t="s">
        <v>408</v>
      </c>
      <c r="C33" s="1031"/>
      <c r="D33" s="1031"/>
      <c r="E33" s="1031"/>
      <c r="F33" s="1031"/>
      <c r="G33" s="1031"/>
      <c r="H33" s="1031"/>
      <c r="I33" s="1031"/>
      <c r="J33" s="1031"/>
      <c r="K33" s="1031"/>
      <c r="L33" s="1031"/>
      <c r="M33" s="1031"/>
      <c r="N33" s="1031"/>
      <c r="O33" s="1031"/>
      <c r="P33" s="1032"/>
      <c r="Q33" s="1038">
        <v>258</v>
      </c>
      <c r="R33" s="1039"/>
      <c r="S33" s="1039"/>
      <c r="T33" s="1039"/>
      <c r="U33" s="1039"/>
      <c r="V33" s="1039">
        <v>250</v>
      </c>
      <c r="W33" s="1039"/>
      <c r="X33" s="1039"/>
      <c r="Y33" s="1039"/>
      <c r="Z33" s="1039"/>
      <c r="AA33" s="1039">
        <v>8</v>
      </c>
      <c r="AB33" s="1039"/>
      <c r="AC33" s="1039"/>
      <c r="AD33" s="1039"/>
      <c r="AE33" s="1040"/>
      <c r="AF33" s="1035">
        <v>8</v>
      </c>
      <c r="AG33" s="1036"/>
      <c r="AH33" s="1036"/>
      <c r="AI33" s="1036"/>
      <c r="AJ33" s="1037"/>
      <c r="AK33" s="980">
        <v>80</v>
      </c>
      <c r="AL33" s="971"/>
      <c r="AM33" s="971"/>
      <c r="AN33" s="971"/>
      <c r="AO33" s="971"/>
      <c r="AP33" s="971">
        <v>1012</v>
      </c>
      <c r="AQ33" s="971"/>
      <c r="AR33" s="971"/>
      <c r="AS33" s="971"/>
      <c r="AT33" s="971"/>
      <c r="AU33" s="971">
        <v>663</v>
      </c>
      <c r="AV33" s="971"/>
      <c r="AW33" s="971"/>
      <c r="AX33" s="971"/>
      <c r="AY33" s="971"/>
      <c r="AZ33" s="1041" t="s">
        <v>507</v>
      </c>
      <c r="BA33" s="1041"/>
      <c r="BB33" s="1041"/>
      <c r="BC33" s="1041"/>
      <c r="BD33" s="1041"/>
      <c r="BE33" s="972" t="s">
        <v>409</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t="s">
        <v>410</v>
      </c>
      <c r="C34" s="1031"/>
      <c r="D34" s="1031"/>
      <c r="E34" s="1031"/>
      <c r="F34" s="1031"/>
      <c r="G34" s="1031"/>
      <c r="H34" s="1031"/>
      <c r="I34" s="1031"/>
      <c r="J34" s="1031"/>
      <c r="K34" s="1031"/>
      <c r="L34" s="1031"/>
      <c r="M34" s="1031"/>
      <c r="N34" s="1031"/>
      <c r="O34" s="1031"/>
      <c r="P34" s="1032"/>
      <c r="Q34" s="1038">
        <v>52</v>
      </c>
      <c r="R34" s="1039"/>
      <c r="S34" s="1039"/>
      <c r="T34" s="1039"/>
      <c r="U34" s="1039"/>
      <c r="V34" s="1039">
        <v>50</v>
      </c>
      <c r="W34" s="1039"/>
      <c r="X34" s="1039"/>
      <c r="Y34" s="1039"/>
      <c r="Z34" s="1039"/>
      <c r="AA34" s="1039">
        <v>2</v>
      </c>
      <c r="AB34" s="1039"/>
      <c r="AC34" s="1039"/>
      <c r="AD34" s="1039"/>
      <c r="AE34" s="1040"/>
      <c r="AF34" s="1035">
        <v>2</v>
      </c>
      <c r="AG34" s="1036"/>
      <c r="AH34" s="1036"/>
      <c r="AI34" s="1036"/>
      <c r="AJ34" s="1037"/>
      <c r="AK34" s="980">
        <v>18</v>
      </c>
      <c r="AL34" s="971"/>
      <c r="AM34" s="971"/>
      <c r="AN34" s="971"/>
      <c r="AO34" s="971"/>
      <c r="AP34" s="971">
        <v>184</v>
      </c>
      <c r="AQ34" s="971"/>
      <c r="AR34" s="971"/>
      <c r="AS34" s="971"/>
      <c r="AT34" s="971"/>
      <c r="AU34" s="971">
        <v>120</v>
      </c>
      <c r="AV34" s="971"/>
      <c r="AW34" s="971"/>
      <c r="AX34" s="971"/>
      <c r="AY34" s="971"/>
      <c r="AZ34" s="1041" t="s">
        <v>507</v>
      </c>
      <c r="BA34" s="1041"/>
      <c r="BB34" s="1041"/>
      <c r="BC34" s="1041"/>
      <c r="BD34" s="1041"/>
      <c r="BE34" s="972" t="s">
        <v>409</v>
      </c>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1</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0</v>
      </c>
      <c r="B63" s="937" t="s">
        <v>412</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664</v>
      </c>
      <c r="AG63" s="959"/>
      <c r="AH63" s="959"/>
      <c r="AI63" s="959"/>
      <c r="AJ63" s="1022"/>
      <c r="AK63" s="1023"/>
      <c r="AL63" s="963"/>
      <c r="AM63" s="963"/>
      <c r="AN63" s="963"/>
      <c r="AO63" s="963"/>
      <c r="AP63" s="959">
        <v>1384</v>
      </c>
      <c r="AQ63" s="959"/>
      <c r="AR63" s="959"/>
      <c r="AS63" s="959"/>
      <c r="AT63" s="959"/>
      <c r="AU63" s="959">
        <v>785</v>
      </c>
      <c r="AV63" s="959"/>
      <c r="AW63" s="959"/>
      <c r="AX63" s="959"/>
      <c r="AY63" s="959"/>
      <c r="AZ63" s="1017"/>
      <c r="BA63" s="1017"/>
      <c r="BB63" s="1017"/>
      <c r="BC63" s="1017"/>
      <c r="BD63" s="1017"/>
      <c r="BE63" s="960"/>
      <c r="BF63" s="960"/>
      <c r="BG63" s="960"/>
      <c r="BH63" s="960"/>
      <c r="BI63" s="961"/>
      <c r="BJ63" s="1018" t="s">
        <v>413</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5</v>
      </c>
      <c r="B66" s="996"/>
      <c r="C66" s="996"/>
      <c r="D66" s="996"/>
      <c r="E66" s="996"/>
      <c r="F66" s="996"/>
      <c r="G66" s="996"/>
      <c r="H66" s="996"/>
      <c r="I66" s="996"/>
      <c r="J66" s="996"/>
      <c r="K66" s="996"/>
      <c r="L66" s="996"/>
      <c r="M66" s="996"/>
      <c r="N66" s="996"/>
      <c r="O66" s="996"/>
      <c r="P66" s="997"/>
      <c r="Q66" s="1001" t="s">
        <v>416</v>
      </c>
      <c r="R66" s="1002"/>
      <c r="S66" s="1002"/>
      <c r="T66" s="1002"/>
      <c r="U66" s="1003"/>
      <c r="V66" s="1001" t="s">
        <v>417</v>
      </c>
      <c r="W66" s="1002"/>
      <c r="X66" s="1002"/>
      <c r="Y66" s="1002"/>
      <c r="Z66" s="1003"/>
      <c r="AA66" s="1001" t="s">
        <v>396</v>
      </c>
      <c r="AB66" s="1002"/>
      <c r="AC66" s="1002"/>
      <c r="AD66" s="1002"/>
      <c r="AE66" s="1003"/>
      <c r="AF66" s="1007" t="s">
        <v>418</v>
      </c>
      <c r="AG66" s="1008"/>
      <c r="AH66" s="1008"/>
      <c r="AI66" s="1008"/>
      <c r="AJ66" s="1009"/>
      <c r="AK66" s="1001" t="s">
        <v>398</v>
      </c>
      <c r="AL66" s="996"/>
      <c r="AM66" s="996"/>
      <c r="AN66" s="996"/>
      <c r="AO66" s="997"/>
      <c r="AP66" s="1001" t="s">
        <v>399</v>
      </c>
      <c r="AQ66" s="1002"/>
      <c r="AR66" s="1002"/>
      <c r="AS66" s="1002"/>
      <c r="AT66" s="1003"/>
      <c r="AU66" s="1001" t="s">
        <v>419</v>
      </c>
      <c r="AV66" s="1002"/>
      <c r="AW66" s="1002"/>
      <c r="AX66" s="1002"/>
      <c r="AY66" s="1003"/>
      <c r="AZ66" s="1001" t="s">
        <v>377</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73</v>
      </c>
      <c r="C68" s="986"/>
      <c r="D68" s="986"/>
      <c r="E68" s="986"/>
      <c r="F68" s="986"/>
      <c r="G68" s="986"/>
      <c r="H68" s="986"/>
      <c r="I68" s="986"/>
      <c r="J68" s="986"/>
      <c r="K68" s="986"/>
      <c r="L68" s="986"/>
      <c r="M68" s="986"/>
      <c r="N68" s="986"/>
      <c r="O68" s="986"/>
      <c r="P68" s="987"/>
      <c r="Q68" s="988">
        <v>54</v>
      </c>
      <c r="R68" s="982"/>
      <c r="S68" s="982"/>
      <c r="T68" s="982"/>
      <c r="U68" s="982"/>
      <c r="V68" s="982">
        <v>19</v>
      </c>
      <c r="W68" s="982"/>
      <c r="X68" s="982"/>
      <c r="Y68" s="982"/>
      <c r="Z68" s="982"/>
      <c r="AA68" s="982">
        <v>34</v>
      </c>
      <c r="AB68" s="982"/>
      <c r="AC68" s="982"/>
      <c r="AD68" s="982"/>
      <c r="AE68" s="982"/>
      <c r="AF68" s="982">
        <v>34</v>
      </c>
      <c r="AG68" s="982"/>
      <c r="AH68" s="982"/>
      <c r="AI68" s="982"/>
      <c r="AJ68" s="982"/>
      <c r="AK68" s="982" t="s">
        <v>507</v>
      </c>
      <c r="AL68" s="982"/>
      <c r="AM68" s="982"/>
      <c r="AN68" s="982"/>
      <c r="AO68" s="982"/>
      <c r="AP68" s="982" t="s">
        <v>507</v>
      </c>
      <c r="AQ68" s="982"/>
      <c r="AR68" s="982"/>
      <c r="AS68" s="982"/>
      <c r="AT68" s="982"/>
      <c r="AU68" s="982" t="s">
        <v>507</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74</v>
      </c>
      <c r="C69" s="975"/>
      <c r="D69" s="975"/>
      <c r="E69" s="975"/>
      <c r="F69" s="975"/>
      <c r="G69" s="975"/>
      <c r="H69" s="975"/>
      <c r="I69" s="975"/>
      <c r="J69" s="975"/>
      <c r="K69" s="975"/>
      <c r="L69" s="975"/>
      <c r="M69" s="975"/>
      <c r="N69" s="975"/>
      <c r="O69" s="975"/>
      <c r="P69" s="976"/>
      <c r="Q69" s="977">
        <v>13</v>
      </c>
      <c r="R69" s="971"/>
      <c r="S69" s="971"/>
      <c r="T69" s="971"/>
      <c r="U69" s="971"/>
      <c r="V69" s="971">
        <v>10</v>
      </c>
      <c r="W69" s="971"/>
      <c r="X69" s="971"/>
      <c r="Y69" s="971"/>
      <c r="Z69" s="971"/>
      <c r="AA69" s="971">
        <v>3</v>
      </c>
      <c r="AB69" s="971"/>
      <c r="AC69" s="971"/>
      <c r="AD69" s="971"/>
      <c r="AE69" s="971"/>
      <c r="AF69" s="971">
        <v>3</v>
      </c>
      <c r="AG69" s="971"/>
      <c r="AH69" s="971"/>
      <c r="AI69" s="971"/>
      <c r="AJ69" s="971"/>
      <c r="AK69" s="971" t="s">
        <v>507</v>
      </c>
      <c r="AL69" s="971"/>
      <c r="AM69" s="971"/>
      <c r="AN69" s="971"/>
      <c r="AO69" s="971"/>
      <c r="AP69" s="971" t="s">
        <v>507</v>
      </c>
      <c r="AQ69" s="971"/>
      <c r="AR69" s="971"/>
      <c r="AS69" s="971"/>
      <c r="AT69" s="971"/>
      <c r="AU69" s="971" t="s">
        <v>507</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75</v>
      </c>
      <c r="C70" s="975"/>
      <c r="D70" s="975"/>
      <c r="E70" s="975"/>
      <c r="F70" s="975"/>
      <c r="G70" s="975"/>
      <c r="H70" s="975"/>
      <c r="I70" s="975"/>
      <c r="J70" s="975"/>
      <c r="K70" s="975"/>
      <c r="L70" s="975"/>
      <c r="M70" s="975"/>
      <c r="N70" s="975"/>
      <c r="O70" s="975"/>
      <c r="P70" s="976"/>
      <c r="Q70" s="977">
        <v>139</v>
      </c>
      <c r="R70" s="971"/>
      <c r="S70" s="971"/>
      <c r="T70" s="971"/>
      <c r="U70" s="971"/>
      <c r="V70" s="971">
        <v>120</v>
      </c>
      <c r="W70" s="971"/>
      <c r="X70" s="971"/>
      <c r="Y70" s="971"/>
      <c r="Z70" s="971"/>
      <c r="AA70" s="971">
        <v>19</v>
      </c>
      <c r="AB70" s="971"/>
      <c r="AC70" s="971"/>
      <c r="AD70" s="971"/>
      <c r="AE70" s="971"/>
      <c r="AF70" s="971">
        <v>19</v>
      </c>
      <c r="AG70" s="971"/>
      <c r="AH70" s="971"/>
      <c r="AI70" s="971"/>
      <c r="AJ70" s="971"/>
      <c r="AK70" s="971">
        <v>14</v>
      </c>
      <c r="AL70" s="971"/>
      <c r="AM70" s="971"/>
      <c r="AN70" s="971"/>
      <c r="AO70" s="971"/>
      <c r="AP70" s="971" t="s">
        <v>507</v>
      </c>
      <c r="AQ70" s="971"/>
      <c r="AR70" s="971"/>
      <c r="AS70" s="971"/>
      <c r="AT70" s="971"/>
      <c r="AU70" s="971" t="s">
        <v>507</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76</v>
      </c>
      <c r="C71" s="975"/>
      <c r="D71" s="975"/>
      <c r="E71" s="975"/>
      <c r="F71" s="975"/>
      <c r="G71" s="975"/>
      <c r="H71" s="975"/>
      <c r="I71" s="975"/>
      <c r="J71" s="975"/>
      <c r="K71" s="975"/>
      <c r="L71" s="975"/>
      <c r="M71" s="975"/>
      <c r="N71" s="975"/>
      <c r="O71" s="975"/>
      <c r="P71" s="976"/>
      <c r="Q71" s="977">
        <v>453</v>
      </c>
      <c r="R71" s="971"/>
      <c r="S71" s="971"/>
      <c r="T71" s="971"/>
      <c r="U71" s="971"/>
      <c r="V71" s="971">
        <v>401</v>
      </c>
      <c r="W71" s="971"/>
      <c r="X71" s="971"/>
      <c r="Y71" s="971"/>
      <c r="Z71" s="971"/>
      <c r="AA71" s="971">
        <v>52</v>
      </c>
      <c r="AB71" s="971"/>
      <c r="AC71" s="971"/>
      <c r="AD71" s="971"/>
      <c r="AE71" s="971"/>
      <c r="AF71" s="971">
        <v>52</v>
      </c>
      <c r="AG71" s="971"/>
      <c r="AH71" s="971"/>
      <c r="AI71" s="971"/>
      <c r="AJ71" s="971"/>
      <c r="AK71" s="971">
        <v>9</v>
      </c>
      <c r="AL71" s="971"/>
      <c r="AM71" s="971"/>
      <c r="AN71" s="971"/>
      <c r="AO71" s="971"/>
      <c r="AP71" s="971" t="s">
        <v>507</v>
      </c>
      <c r="AQ71" s="971"/>
      <c r="AR71" s="971"/>
      <c r="AS71" s="971"/>
      <c r="AT71" s="971"/>
      <c r="AU71" s="971" t="s">
        <v>507</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77</v>
      </c>
      <c r="C72" s="975"/>
      <c r="D72" s="975"/>
      <c r="E72" s="975"/>
      <c r="F72" s="975"/>
      <c r="G72" s="975"/>
      <c r="H72" s="975"/>
      <c r="I72" s="975"/>
      <c r="J72" s="975"/>
      <c r="K72" s="975"/>
      <c r="L72" s="975"/>
      <c r="M72" s="975"/>
      <c r="N72" s="975"/>
      <c r="O72" s="975"/>
      <c r="P72" s="976"/>
      <c r="Q72" s="977">
        <v>47</v>
      </c>
      <c r="R72" s="971"/>
      <c r="S72" s="971"/>
      <c r="T72" s="971"/>
      <c r="U72" s="971"/>
      <c r="V72" s="971">
        <v>3</v>
      </c>
      <c r="W72" s="971"/>
      <c r="X72" s="971"/>
      <c r="Y72" s="971"/>
      <c r="Z72" s="971"/>
      <c r="AA72" s="971">
        <v>43</v>
      </c>
      <c r="AB72" s="971"/>
      <c r="AC72" s="971"/>
      <c r="AD72" s="971"/>
      <c r="AE72" s="971"/>
      <c r="AF72" s="971">
        <v>43</v>
      </c>
      <c r="AG72" s="971"/>
      <c r="AH72" s="971"/>
      <c r="AI72" s="971"/>
      <c r="AJ72" s="971"/>
      <c r="AK72" s="971" t="s">
        <v>507</v>
      </c>
      <c r="AL72" s="971"/>
      <c r="AM72" s="971"/>
      <c r="AN72" s="971"/>
      <c r="AO72" s="971"/>
      <c r="AP72" s="971" t="s">
        <v>507</v>
      </c>
      <c r="AQ72" s="971"/>
      <c r="AR72" s="971"/>
      <c r="AS72" s="971"/>
      <c r="AT72" s="971"/>
      <c r="AU72" s="971" t="s">
        <v>507</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78</v>
      </c>
      <c r="C73" s="975"/>
      <c r="D73" s="975"/>
      <c r="E73" s="975"/>
      <c r="F73" s="975"/>
      <c r="G73" s="975"/>
      <c r="H73" s="975"/>
      <c r="I73" s="975"/>
      <c r="J73" s="975"/>
      <c r="K73" s="975"/>
      <c r="L73" s="975"/>
      <c r="M73" s="975"/>
      <c r="N73" s="975"/>
      <c r="O73" s="975"/>
      <c r="P73" s="976"/>
      <c r="Q73" s="977">
        <v>3303</v>
      </c>
      <c r="R73" s="971"/>
      <c r="S73" s="971"/>
      <c r="T73" s="971"/>
      <c r="U73" s="971"/>
      <c r="V73" s="971">
        <v>3104</v>
      </c>
      <c r="W73" s="971"/>
      <c r="X73" s="971"/>
      <c r="Y73" s="971"/>
      <c r="Z73" s="971"/>
      <c r="AA73" s="971">
        <v>199</v>
      </c>
      <c r="AB73" s="971"/>
      <c r="AC73" s="971"/>
      <c r="AD73" s="971"/>
      <c r="AE73" s="971"/>
      <c r="AF73" s="971">
        <v>199</v>
      </c>
      <c r="AG73" s="971"/>
      <c r="AH73" s="971"/>
      <c r="AI73" s="971"/>
      <c r="AJ73" s="971"/>
      <c r="AK73" s="971" t="s">
        <v>507</v>
      </c>
      <c r="AL73" s="971"/>
      <c r="AM73" s="971"/>
      <c r="AN73" s="971"/>
      <c r="AO73" s="971"/>
      <c r="AP73" s="971" t="s">
        <v>507</v>
      </c>
      <c r="AQ73" s="971"/>
      <c r="AR73" s="971"/>
      <c r="AS73" s="971"/>
      <c r="AT73" s="971"/>
      <c r="AU73" s="971" t="s">
        <v>507</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79</v>
      </c>
      <c r="C74" s="975"/>
      <c r="D74" s="975"/>
      <c r="E74" s="975"/>
      <c r="F74" s="975"/>
      <c r="G74" s="975"/>
      <c r="H74" s="975"/>
      <c r="I74" s="975"/>
      <c r="J74" s="975"/>
      <c r="K74" s="975"/>
      <c r="L74" s="975"/>
      <c r="M74" s="975"/>
      <c r="N74" s="975"/>
      <c r="O74" s="975"/>
      <c r="P74" s="976"/>
      <c r="Q74" s="977">
        <v>4957</v>
      </c>
      <c r="R74" s="971"/>
      <c r="S74" s="971"/>
      <c r="T74" s="971"/>
      <c r="U74" s="971"/>
      <c r="V74" s="971">
        <v>4411</v>
      </c>
      <c r="W74" s="971"/>
      <c r="X74" s="971"/>
      <c r="Y74" s="971"/>
      <c r="Z74" s="971"/>
      <c r="AA74" s="971">
        <v>546</v>
      </c>
      <c r="AB74" s="971"/>
      <c r="AC74" s="971"/>
      <c r="AD74" s="971"/>
      <c r="AE74" s="971"/>
      <c r="AF74" s="971">
        <v>546</v>
      </c>
      <c r="AG74" s="971"/>
      <c r="AH74" s="971"/>
      <c r="AI74" s="971"/>
      <c r="AJ74" s="971"/>
      <c r="AK74" s="971">
        <v>543</v>
      </c>
      <c r="AL74" s="971"/>
      <c r="AM74" s="971"/>
      <c r="AN74" s="971"/>
      <c r="AO74" s="971"/>
      <c r="AP74" s="971" t="s">
        <v>507</v>
      </c>
      <c r="AQ74" s="971"/>
      <c r="AR74" s="971"/>
      <c r="AS74" s="971"/>
      <c r="AT74" s="971"/>
      <c r="AU74" s="971" t="s">
        <v>507</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0</v>
      </c>
      <c r="C75" s="975"/>
      <c r="D75" s="975"/>
      <c r="E75" s="975"/>
      <c r="F75" s="975"/>
      <c r="G75" s="975"/>
      <c r="H75" s="975"/>
      <c r="I75" s="975"/>
      <c r="J75" s="975"/>
      <c r="K75" s="975"/>
      <c r="L75" s="975"/>
      <c r="M75" s="975"/>
      <c r="N75" s="975"/>
      <c r="O75" s="975"/>
      <c r="P75" s="976"/>
      <c r="Q75" s="978">
        <v>1038597</v>
      </c>
      <c r="R75" s="979"/>
      <c r="S75" s="979"/>
      <c r="T75" s="979"/>
      <c r="U75" s="980"/>
      <c r="V75" s="981">
        <v>1027785</v>
      </c>
      <c r="W75" s="979"/>
      <c r="X75" s="979"/>
      <c r="Y75" s="979"/>
      <c r="Z75" s="980"/>
      <c r="AA75" s="981">
        <v>10811</v>
      </c>
      <c r="AB75" s="979"/>
      <c r="AC75" s="979"/>
      <c r="AD75" s="979"/>
      <c r="AE75" s="980"/>
      <c r="AF75" s="981">
        <v>10811</v>
      </c>
      <c r="AG75" s="979"/>
      <c r="AH75" s="979"/>
      <c r="AI75" s="979"/>
      <c r="AJ75" s="980"/>
      <c r="AK75" s="981">
        <v>7967</v>
      </c>
      <c r="AL75" s="979"/>
      <c r="AM75" s="979"/>
      <c r="AN75" s="979"/>
      <c r="AO75" s="980"/>
      <c r="AP75" s="981" t="s">
        <v>507</v>
      </c>
      <c r="AQ75" s="979"/>
      <c r="AR75" s="979"/>
      <c r="AS75" s="979"/>
      <c r="AT75" s="980"/>
      <c r="AU75" s="981" t="s">
        <v>507</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581</v>
      </c>
      <c r="C76" s="975"/>
      <c r="D76" s="975"/>
      <c r="E76" s="975"/>
      <c r="F76" s="975"/>
      <c r="G76" s="975"/>
      <c r="H76" s="975"/>
      <c r="I76" s="975"/>
      <c r="J76" s="975"/>
      <c r="K76" s="975"/>
      <c r="L76" s="975"/>
      <c r="M76" s="975"/>
      <c r="N76" s="975"/>
      <c r="O76" s="975"/>
      <c r="P76" s="976"/>
      <c r="Q76" s="978">
        <v>1142</v>
      </c>
      <c r="R76" s="979"/>
      <c r="S76" s="979"/>
      <c r="T76" s="979"/>
      <c r="U76" s="980"/>
      <c r="V76" s="981">
        <v>1103</v>
      </c>
      <c r="W76" s="979"/>
      <c r="X76" s="979"/>
      <c r="Y76" s="979"/>
      <c r="Z76" s="980"/>
      <c r="AA76" s="981">
        <v>38</v>
      </c>
      <c r="AB76" s="979"/>
      <c r="AC76" s="979"/>
      <c r="AD76" s="979"/>
      <c r="AE76" s="980"/>
      <c r="AF76" s="981">
        <v>38</v>
      </c>
      <c r="AG76" s="979"/>
      <c r="AH76" s="979"/>
      <c r="AI76" s="979"/>
      <c r="AJ76" s="980"/>
      <c r="AK76" s="981" t="s">
        <v>507</v>
      </c>
      <c r="AL76" s="979"/>
      <c r="AM76" s="979"/>
      <c r="AN76" s="979"/>
      <c r="AO76" s="980"/>
      <c r="AP76" s="981" t="s">
        <v>507</v>
      </c>
      <c r="AQ76" s="979"/>
      <c r="AR76" s="979"/>
      <c r="AS76" s="979"/>
      <c r="AT76" s="980"/>
      <c r="AU76" s="981" t="s">
        <v>507</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0</v>
      </c>
      <c r="B88" s="937" t="s">
        <v>420</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11746</v>
      </c>
      <c r="AG88" s="959"/>
      <c r="AH88" s="959"/>
      <c r="AI88" s="959"/>
      <c r="AJ88" s="959"/>
      <c r="AK88" s="963"/>
      <c r="AL88" s="963"/>
      <c r="AM88" s="963"/>
      <c r="AN88" s="963"/>
      <c r="AO88" s="963"/>
      <c r="AP88" s="959" t="s">
        <v>507</v>
      </c>
      <c r="AQ88" s="959"/>
      <c r="AR88" s="959"/>
      <c r="AS88" s="959"/>
      <c r="AT88" s="959"/>
      <c r="AU88" s="959" t="s">
        <v>507</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937" t="s">
        <v>421</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3</v>
      </c>
      <c r="CS102" s="953"/>
      <c r="CT102" s="953"/>
      <c r="CU102" s="953"/>
      <c r="CV102" s="954"/>
      <c r="CW102" s="952" t="s">
        <v>507</v>
      </c>
      <c r="CX102" s="953"/>
      <c r="CY102" s="953"/>
      <c r="CZ102" s="953"/>
      <c r="DA102" s="954"/>
      <c r="DB102" s="952" t="s">
        <v>507</v>
      </c>
      <c r="DC102" s="953"/>
      <c r="DD102" s="953"/>
      <c r="DE102" s="953"/>
      <c r="DF102" s="954"/>
      <c r="DG102" s="952" t="s">
        <v>507</v>
      </c>
      <c r="DH102" s="953"/>
      <c r="DI102" s="953"/>
      <c r="DJ102" s="953"/>
      <c r="DK102" s="954"/>
      <c r="DL102" s="952" t="s">
        <v>507</v>
      </c>
      <c r="DM102" s="953"/>
      <c r="DN102" s="953"/>
      <c r="DO102" s="953"/>
      <c r="DP102" s="954"/>
      <c r="DQ102" s="952" t="s">
        <v>507</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2</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3</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6</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7</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8</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9</v>
      </c>
      <c r="AB109" s="896"/>
      <c r="AC109" s="896"/>
      <c r="AD109" s="896"/>
      <c r="AE109" s="897"/>
      <c r="AF109" s="898" t="s">
        <v>430</v>
      </c>
      <c r="AG109" s="896"/>
      <c r="AH109" s="896"/>
      <c r="AI109" s="896"/>
      <c r="AJ109" s="897"/>
      <c r="AK109" s="898" t="s">
        <v>307</v>
      </c>
      <c r="AL109" s="896"/>
      <c r="AM109" s="896"/>
      <c r="AN109" s="896"/>
      <c r="AO109" s="897"/>
      <c r="AP109" s="898" t="s">
        <v>431</v>
      </c>
      <c r="AQ109" s="896"/>
      <c r="AR109" s="896"/>
      <c r="AS109" s="896"/>
      <c r="AT109" s="929"/>
      <c r="AU109" s="895" t="s">
        <v>428</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9</v>
      </c>
      <c r="BR109" s="896"/>
      <c r="BS109" s="896"/>
      <c r="BT109" s="896"/>
      <c r="BU109" s="897"/>
      <c r="BV109" s="898" t="s">
        <v>430</v>
      </c>
      <c r="BW109" s="896"/>
      <c r="BX109" s="896"/>
      <c r="BY109" s="896"/>
      <c r="BZ109" s="897"/>
      <c r="CA109" s="898" t="s">
        <v>307</v>
      </c>
      <c r="CB109" s="896"/>
      <c r="CC109" s="896"/>
      <c r="CD109" s="896"/>
      <c r="CE109" s="897"/>
      <c r="CF109" s="936" t="s">
        <v>431</v>
      </c>
      <c r="CG109" s="936"/>
      <c r="CH109" s="936"/>
      <c r="CI109" s="936"/>
      <c r="CJ109" s="936"/>
      <c r="CK109" s="898" t="s">
        <v>432</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9</v>
      </c>
      <c r="DH109" s="896"/>
      <c r="DI109" s="896"/>
      <c r="DJ109" s="896"/>
      <c r="DK109" s="897"/>
      <c r="DL109" s="898" t="s">
        <v>430</v>
      </c>
      <c r="DM109" s="896"/>
      <c r="DN109" s="896"/>
      <c r="DO109" s="896"/>
      <c r="DP109" s="897"/>
      <c r="DQ109" s="898" t="s">
        <v>307</v>
      </c>
      <c r="DR109" s="896"/>
      <c r="DS109" s="896"/>
      <c r="DT109" s="896"/>
      <c r="DU109" s="897"/>
      <c r="DV109" s="898" t="s">
        <v>431</v>
      </c>
      <c r="DW109" s="896"/>
      <c r="DX109" s="896"/>
      <c r="DY109" s="896"/>
      <c r="DZ109" s="929"/>
    </row>
    <row r="110" spans="1:131" s="230" customFormat="1" ht="26.25" customHeight="1" x14ac:dyDescent="0.2">
      <c r="A110" s="807" t="s">
        <v>433</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387773</v>
      </c>
      <c r="AB110" s="889"/>
      <c r="AC110" s="889"/>
      <c r="AD110" s="889"/>
      <c r="AE110" s="890"/>
      <c r="AF110" s="891">
        <v>399090</v>
      </c>
      <c r="AG110" s="889"/>
      <c r="AH110" s="889"/>
      <c r="AI110" s="889"/>
      <c r="AJ110" s="890"/>
      <c r="AK110" s="891">
        <v>428615</v>
      </c>
      <c r="AL110" s="889"/>
      <c r="AM110" s="889"/>
      <c r="AN110" s="889"/>
      <c r="AO110" s="890"/>
      <c r="AP110" s="892">
        <v>14.9</v>
      </c>
      <c r="AQ110" s="893"/>
      <c r="AR110" s="893"/>
      <c r="AS110" s="893"/>
      <c r="AT110" s="894"/>
      <c r="AU110" s="930" t="s">
        <v>74</v>
      </c>
      <c r="AV110" s="931"/>
      <c r="AW110" s="931"/>
      <c r="AX110" s="931"/>
      <c r="AY110" s="931"/>
      <c r="AZ110" s="860" t="s">
        <v>434</v>
      </c>
      <c r="BA110" s="808"/>
      <c r="BB110" s="808"/>
      <c r="BC110" s="808"/>
      <c r="BD110" s="808"/>
      <c r="BE110" s="808"/>
      <c r="BF110" s="808"/>
      <c r="BG110" s="808"/>
      <c r="BH110" s="808"/>
      <c r="BI110" s="808"/>
      <c r="BJ110" s="808"/>
      <c r="BK110" s="808"/>
      <c r="BL110" s="808"/>
      <c r="BM110" s="808"/>
      <c r="BN110" s="808"/>
      <c r="BO110" s="808"/>
      <c r="BP110" s="809"/>
      <c r="BQ110" s="861">
        <v>4790005</v>
      </c>
      <c r="BR110" s="842"/>
      <c r="BS110" s="842"/>
      <c r="BT110" s="842"/>
      <c r="BU110" s="842"/>
      <c r="BV110" s="842">
        <v>5630767</v>
      </c>
      <c r="BW110" s="842"/>
      <c r="BX110" s="842"/>
      <c r="BY110" s="842"/>
      <c r="BZ110" s="842"/>
      <c r="CA110" s="842">
        <v>5604331</v>
      </c>
      <c r="CB110" s="842"/>
      <c r="CC110" s="842"/>
      <c r="CD110" s="842"/>
      <c r="CE110" s="842"/>
      <c r="CF110" s="866">
        <v>194.7</v>
      </c>
      <c r="CG110" s="867"/>
      <c r="CH110" s="867"/>
      <c r="CI110" s="867"/>
      <c r="CJ110" s="867"/>
      <c r="CK110" s="926" t="s">
        <v>435</v>
      </c>
      <c r="CL110" s="819"/>
      <c r="CM110" s="860" t="s">
        <v>436</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v>135024</v>
      </c>
      <c r="DH110" s="842"/>
      <c r="DI110" s="842"/>
      <c r="DJ110" s="842"/>
      <c r="DK110" s="842"/>
      <c r="DL110" s="842">
        <v>130532</v>
      </c>
      <c r="DM110" s="842"/>
      <c r="DN110" s="842"/>
      <c r="DO110" s="842"/>
      <c r="DP110" s="842"/>
      <c r="DQ110" s="842">
        <v>126004</v>
      </c>
      <c r="DR110" s="842"/>
      <c r="DS110" s="842"/>
      <c r="DT110" s="842"/>
      <c r="DU110" s="842"/>
      <c r="DV110" s="843">
        <v>4.4000000000000004</v>
      </c>
      <c r="DW110" s="843"/>
      <c r="DX110" s="843"/>
      <c r="DY110" s="843"/>
      <c r="DZ110" s="844"/>
    </row>
    <row r="111" spans="1:131" s="230" customFormat="1" ht="26.25" customHeight="1" x14ac:dyDescent="0.2">
      <c r="A111" s="774" t="s">
        <v>437</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29</v>
      </c>
      <c r="AB111" s="919"/>
      <c r="AC111" s="919"/>
      <c r="AD111" s="919"/>
      <c r="AE111" s="920"/>
      <c r="AF111" s="921" t="s">
        <v>129</v>
      </c>
      <c r="AG111" s="919"/>
      <c r="AH111" s="919"/>
      <c r="AI111" s="919"/>
      <c r="AJ111" s="920"/>
      <c r="AK111" s="921" t="s">
        <v>129</v>
      </c>
      <c r="AL111" s="919"/>
      <c r="AM111" s="919"/>
      <c r="AN111" s="919"/>
      <c r="AO111" s="920"/>
      <c r="AP111" s="922" t="s">
        <v>129</v>
      </c>
      <c r="AQ111" s="923"/>
      <c r="AR111" s="923"/>
      <c r="AS111" s="923"/>
      <c r="AT111" s="924"/>
      <c r="AU111" s="932"/>
      <c r="AV111" s="933"/>
      <c r="AW111" s="933"/>
      <c r="AX111" s="933"/>
      <c r="AY111" s="933"/>
      <c r="AZ111" s="815" t="s">
        <v>438</v>
      </c>
      <c r="BA111" s="752"/>
      <c r="BB111" s="752"/>
      <c r="BC111" s="752"/>
      <c r="BD111" s="752"/>
      <c r="BE111" s="752"/>
      <c r="BF111" s="752"/>
      <c r="BG111" s="752"/>
      <c r="BH111" s="752"/>
      <c r="BI111" s="752"/>
      <c r="BJ111" s="752"/>
      <c r="BK111" s="752"/>
      <c r="BL111" s="752"/>
      <c r="BM111" s="752"/>
      <c r="BN111" s="752"/>
      <c r="BO111" s="752"/>
      <c r="BP111" s="753"/>
      <c r="BQ111" s="816">
        <v>135024</v>
      </c>
      <c r="BR111" s="817"/>
      <c r="BS111" s="817"/>
      <c r="BT111" s="817"/>
      <c r="BU111" s="817"/>
      <c r="BV111" s="817">
        <v>130532</v>
      </c>
      <c r="BW111" s="817"/>
      <c r="BX111" s="817"/>
      <c r="BY111" s="817"/>
      <c r="BZ111" s="817"/>
      <c r="CA111" s="817">
        <v>126004</v>
      </c>
      <c r="CB111" s="817"/>
      <c r="CC111" s="817"/>
      <c r="CD111" s="817"/>
      <c r="CE111" s="817"/>
      <c r="CF111" s="875">
        <v>4.4000000000000004</v>
      </c>
      <c r="CG111" s="876"/>
      <c r="CH111" s="876"/>
      <c r="CI111" s="876"/>
      <c r="CJ111" s="876"/>
      <c r="CK111" s="927"/>
      <c r="CL111" s="821"/>
      <c r="CM111" s="815" t="s">
        <v>439</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29</v>
      </c>
      <c r="DH111" s="817"/>
      <c r="DI111" s="817"/>
      <c r="DJ111" s="817"/>
      <c r="DK111" s="817"/>
      <c r="DL111" s="817" t="s">
        <v>129</v>
      </c>
      <c r="DM111" s="817"/>
      <c r="DN111" s="817"/>
      <c r="DO111" s="817"/>
      <c r="DP111" s="817"/>
      <c r="DQ111" s="817" t="s">
        <v>129</v>
      </c>
      <c r="DR111" s="817"/>
      <c r="DS111" s="817"/>
      <c r="DT111" s="817"/>
      <c r="DU111" s="817"/>
      <c r="DV111" s="794" t="s">
        <v>129</v>
      </c>
      <c r="DW111" s="794"/>
      <c r="DX111" s="794"/>
      <c r="DY111" s="794"/>
      <c r="DZ111" s="795"/>
    </row>
    <row r="112" spans="1:131" s="230" customFormat="1" ht="26.25" customHeight="1" x14ac:dyDescent="0.2">
      <c r="A112" s="912" t="s">
        <v>440</v>
      </c>
      <c r="B112" s="913"/>
      <c r="C112" s="752" t="s">
        <v>441</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29</v>
      </c>
      <c r="AB112" s="780"/>
      <c r="AC112" s="780"/>
      <c r="AD112" s="780"/>
      <c r="AE112" s="781"/>
      <c r="AF112" s="782" t="s">
        <v>129</v>
      </c>
      <c r="AG112" s="780"/>
      <c r="AH112" s="780"/>
      <c r="AI112" s="780"/>
      <c r="AJ112" s="781"/>
      <c r="AK112" s="782" t="s">
        <v>129</v>
      </c>
      <c r="AL112" s="780"/>
      <c r="AM112" s="780"/>
      <c r="AN112" s="780"/>
      <c r="AO112" s="781"/>
      <c r="AP112" s="824" t="s">
        <v>129</v>
      </c>
      <c r="AQ112" s="825"/>
      <c r="AR112" s="825"/>
      <c r="AS112" s="825"/>
      <c r="AT112" s="826"/>
      <c r="AU112" s="932"/>
      <c r="AV112" s="933"/>
      <c r="AW112" s="933"/>
      <c r="AX112" s="933"/>
      <c r="AY112" s="933"/>
      <c r="AZ112" s="815" t="s">
        <v>442</v>
      </c>
      <c r="BA112" s="752"/>
      <c r="BB112" s="752"/>
      <c r="BC112" s="752"/>
      <c r="BD112" s="752"/>
      <c r="BE112" s="752"/>
      <c r="BF112" s="752"/>
      <c r="BG112" s="752"/>
      <c r="BH112" s="752"/>
      <c r="BI112" s="752"/>
      <c r="BJ112" s="752"/>
      <c r="BK112" s="752"/>
      <c r="BL112" s="752"/>
      <c r="BM112" s="752"/>
      <c r="BN112" s="752"/>
      <c r="BO112" s="752"/>
      <c r="BP112" s="753"/>
      <c r="BQ112" s="816">
        <v>916054</v>
      </c>
      <c r="BR112" s="817"/>
      <c r="BS112" s="817"/>
      <c r="BT112" s="817"/>
      <c r="BU112" s="817"/>
      <c r="BV112" s="817">
        <v>859356</v>
      </c>
      <c r="BW112" s="817"/>
      <c r="BX112" s="817"/>
      <c r="BY112" s="817"/>
      <c r="BZ112" s="817"/>
      <c r="CA112" s="817">
        <v>785445</v>
      </c>
      <c r="CB112" s="817"/>
      <c r="CC112" s="817"/>
      <c r="CD112" s="817"/>
      <c r="CE112" s="817"/>
      <c r="CF112" s="875">
        <v>27.3</v>
      </c>
      <c r="CG112" s="876"/>
      <c r="CH112" s="876"/>
      <c r="CI112" s="876"/>
      <c r="CJ112" s="876"/>
      <c r="CK112" s="927"/>
      <c r="CL112" s="821"/>
      <c r="CM112" s="815" t="s">
        <v>443</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29</v>
      </c>
      <c r="DH112" s="817"/>
      <c r="DI112" s="817"/>
      <c r="DJ112" s="817"/>
      <c r="DK112" s="817"/>
      <c r="DL112" s="817" t="s">
        <v>129</v>
      </c>
      <c r="DM112" s="817"/>
      <c r="DN112" s="817"/>
      <c r="DO112" s="817"/>
      <c r="DP112" s="817"/>
      <c r="DQ112" s="817" t="s">
        <v>129</v>
      </c>
      <c r="DR112" s="817"/>
      <c r="DS112" s="817"/>
      <c r="DT112" s="817"/>
      <c r="DU112" s="817"/>
      <c r="DV112" s="794" t="s">
        <v>129</v>
      </c>
      <c r="DW112" s="794"/>
      <c r="DX112" s="794"/>
      <c r="DY112" s="794"/>
      <c r="DZ112" s="795"/>
    </row>
    <row r="113" spans="1:130" s="230" customFormat="1" ht="26.25" customHeight="1" x14ac:dyDescent="0.2">
      <c r="A113" s="914"/>
      <c r="B113" s="915"/>
      <c r="C113" s="752" t="s">
        <v>444</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97546</v>
      </c>
      <c r="AB113" s="919"/>
      <c r="AC113" s="919"/>
      <c r="AD113" s="919"/>
      <c r="AE113" s="920"/>
      <c r="AF113" s="921">
        <v>93748</v>
      </c>
      <c r="AG113" s="919"/>
      <c r="AH113" s="919"/>
      <c r="AI113" s="919"/>
      <c r="AJ113" s="920"/>
      <c r="AK113" s="921">
        <v>91510</v>
      </c>
      <c r="AL113" s="919"/>
      <c r="AM113" s="919"/>
      <c r="AN113" s="919"/>
      <c r="AO113" s="920"/>
      <c r="AP113" s="922">
        <v>3.2</v>
      </c>
      <c r="AQ113" s="923"/>
      <c r="AR113" s="923"/>
      <c r="AS113" s="923"/>
      <c r="AT113" s="924"/>
      <c r="AU113" s="932"/>
      <c r="AV113" s="933"/>
      <c r="AW113" s="933"/>
      <c r="AX113" s="933"/>
      <c r="AY113" s="933"/>
      <c r="AZ113" s="815" t="s">
        <v>445</v>
      </c>
      <c r="BA113" s="752"/>
      <c r="BB113" s="752"/>
      <c r="BC113" s="752"/>
      <c r="BD113" s="752"/>
      <c r="BE113" s="752"/>
      <c r="BF113" s="752"/>
      <c r="BG113" s="752"/>
      <c r="BH113" s="752"/>
      <c r="BI113" s="752"/>
      <c r="BJ113" s="752"/>
      <c r="BK113" s="752"/>
      <c r="BL113" s="752"/>
      <c r="BM113" s="752"/>
      <c r="BN113" s="752"/>
      <c r="BO113" s="752"/>
      <c r="BP113" s="753"/>
      <c r="BQ113" s="816" t="s">
        <v>129</v>
      </c>
      <c r="BR113" s="817"/>
      <c r="BS113" s="817"/>
      <c r="BT113" s="817"/>
      <c r="BU113" s="817"/>
      <c r="BV113" s="817" t="s">
        <v>129</v>
      </c>
      <c r="BW113" s="817"/>
      <c r="BX113" s="817"/>
      <c r="BY113" s="817"/>
      <c r="BZ113" s="817"/>
      <c r="CA113" s="817" t="s">
        <v>129</v>
      </c>
      <c r="CB113" s="817"/>
      <c r="CC113" s="817"/>
      <c r="CD113" s="817"/>
      <c r="CE113" s="817"/>
      <c r="CF113" s="875" t="s">
        <v>129</v>
      </c>
      <c r="CG113" s="876"/>
      <c r="CH113" s="876"/>
      <c r="CI113" s="876"/>
      <c r="CJ113" s="876"/>
      <c r="CK113" s="927"/>
      <c r="CL113" s="821"/>
      <c r="CM113" s="815" t="s">
        <v>446</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29</v>
      </c>
      <c r="DH113" s="780"/>
      <c r="DI113" s="780"/>
      <c r="DJ113" s="780"/>
      <c r="DK113" s="781"/>
      <c r="DL113" s="782" t="s">
        <v>129</v>
      </c>
      <c r="DM113" s="780"/>
      <c r="DN113" s="780"/>
      <c r="DO113" s="780"/>
      <c r="DP113" s="781"/>
      <c r="DQ113" s="782" t="s">
        <v>129</v>
      </c>
      <c r="DR113" s="780"/>
      <c r="DS113" s="780"/>
      <c r="DT113" s="780"/>
      <c r="DU113" s="781"/>
      <c r="DV113" s="824" t="s">
        <v>129</v>
      </c>
      <c r="DW113" s="825"/>
      <c r="DX113" s="825"/>
      <c r="DY113" s="825"/>
      <c r="DZ113" s="826"/>
    </row>
    <row r="114" spans="1:130" s="230" customFormat="1" ht="26.25" customHeight="1" x14ac:dyDescent="0.2">
      <c r="A114" s="914"/>
      <c r="B114" s="915"/>
      <c r="C114" s="752" t="s">
        <v>447</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t="s">
        <v>129</v>
      </c>
      <c r="AB114" s="780"/>
      <c r="AC114" s="780"/>
      <c r="AD114" s="780"/>
      <c r="AE114" s="781"/>
      <c r="AF114" s="782" t="s">
        <v>129</v>
      </c>
      <c r="AG114" s="780"/>
      <c r="AH114" s="780"/>
      <c r="AI114" s="780"/>
      <c r="AJ114" s="781"/>
      <c r="AK114" s="782" t="s">
        <v>129</v>
      </c>
      <c r="AL114" s="780"/>
      <c r="AM114" s="780"/>
      <c r="AN114" s="780"/>
      <c r="AO114" s="781"/>
      <c r="AP114" s="824" t="s">
        <v>129</v>
      </c>
      <c r="AQ114" s="825"/>
      <c r="AR114" s="825"/>
      <c r="AS114" s="825"/>
      <c r="AT114" s="826"/>
      <c r="AU114" s="932"/>
      <c r="AV114" s="933"/>
      <c r="AW114" s="933"/>
      <c r="AX114" s="933"/>
      <c r="AY114" s="933"/>
      <c r="AZ114" s="815" t="s">
        <v>448</v>
      </c>
      <c r="BA114" s="752"/>
      <c r="BB114" s="752"/>
      <c r="BC114" s="752"/>
      <c r="BD114" s="752"/>
      <c r="BE114" s="752"/>
      <c r="BF114" s="752"/>
      <c r="BG114" s="752"/>
      <c r="BH114" s="752"/>
      <c r="BI114" s="752"/>
      <c r="BJ114" s="752"/>
      <c r="BK114" s="752"/>
      <c r="BL114" s="752"/>
      <c r="BM114" s="752"/>
      <c r="BN114" s="752"/>
      <c r="BO114" s="752"/>
      <c r="BP114" s="753"/>
      <c r="BQ114" s="816">
        <v>974231</v>
      </c>
      <c r="BR114" s="817"/>
      <c r="BS114" s="817"/>
      <c r="BT114" s="817"/>
      <c r="BU114" s="817"/>
      <c r="BV114" s="817">
        <v>893254</v>
      </c>
      <c r="BW114" s="817"/>
      <c r="BX114" s="817"/>
      <c r="BY114" s="817"/>
      <c r="BZ114" s="817"/>
      <c r="CA114" s="817">
        <v>856248</v>
      </c>
      <c r="CB114" s="817"/>
      <c r="CC114" s="817"/>
      <c r="CD114" s="817"/>
      <c r="CE114" s="817"/>
      <c r="CF114" s="875">
        <v>29.8</v>
      </c>
      <c r="CG114" s="876"/>
      <c r="CH114" s="876"/>
      <c r="CI114" s="876"/>
      <c r="CJ114" s="876"/>
      <c r="CK114" s="927"/>
      <c r="CL114" s="821"/>
      <c r="CM114" s="815" t="s">
        <v>449</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29</v>
      </c>
      <c r="DH114" s="780"/>
      <c r="DI114" s="780"/>
      <c r="DJ114" s="780"/>
      <c r="DK114" s="781"/>
      <c r="DL114" s="782" t="s">
        <v>129</v>
      </c>
      <c r="DM114" s="780"/>
      <c r="DN114" s="780"/>
      <c r="DO114" s="780"/>
      <c r="DP114" s="781"/>
      <c r="DQ114" s="782" t="s">
        <v>129</v>
      </c>
      <c r="DR114" s="780"/>
      <c r="DS114" s="780"/>
      <c r="DT114" s="780"/>
      <c r="DU114" s="781"/>
      <c r="DV114" s="824" t="s">
        <v>129</v>
      </c>
      <c r="DW114" s="825"/>
      <c r="DX114" s="825"/>
      <c r="DY114" s="825"/>
      <c r="DZ114" s="826"/>
    </row>
    <row r="115" spans="1:130" s="230" customFormat="1" ht="26.25" customHeight="1" x14ac:dyDescent="0.2">
      <c r="A115" s="914"/>
      <c r="B115" s="915"/>
      <c r="C115" s="752" t="s">
        <v>450</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4456</v>
      </c>
      <c r="AB115" s="919"/>
      <c r="AC115" s="919"/>
      <c r="AD115" s="919"/>
      <c r="AE115" s="920"/>
      <c r="AF115" s="921">
        <v>4492</v>
      </c>
      <c r="AG115" s="919"/>
      <c r="AH115" s="919"/>
      <c r="AI115" s="919"/>
      <c r="AJ115" s="920"/>
      <c r="AK115" s="921">
        <v>4529</v>
      </c>
      <c r="AL115" s="919"/>
      <c r="AM115" s="919"/>
      <c r="AN115" s="919"/>
      <c r="AO115" s="920"/>
      <c r="AP115" s="922">
        <v>0.2</v>
      </c>
      <c r="AQ115" s="923"/>
      <c r="AR115" s="923"/>
      <c r="AS115" s="923"/>
      <c r="AT115" s="924"/>
      <c r="AU115" s="932"/>
      <c r="AV115" s="933"/>
      <c r="AW115" s="933"/>
      <c r="AX115" s="933"/>
      <c r="AY115" s="933"/>
      <c r="AZ115" s="815" t="s">
        <v>451</v>
      </c>
      <c r="BA115" s="752"/>
      <c r="BB115" s="752"/>
      <c r="BC115" s="752"/>
      <c r="BD115" s="752"/>
      <c r="BE115" s="752"/>
      <c r="BF115" s="752"/>
      <c r="BG115" s="752"/>
      <c r="BH115" s="752"/>
      <c r="BI115" s="752"/>
      <c r="BJ115" s="752"/>
      <c r="BK115" s="752"/>
      <c r="BL115" s="752"/>
      <c r="BM115" s="752"/>
      <c r="BN115" s="752"/>
      <c r="BO115" s="752"/>
      <c r="BP115" s="753"/>
      <c r="BQ115" s="816" t="s">
        <v>129</v>
      </c>
      <c r="BR115" s="817"/>
      <c r="BS115" s="817"/>
      <c r="BT115" s="817"/>
      <c r="BU115" s="817"/>
      <c r="BV115" s="817" t="s">
        <v>129</v>
      </c>
      <c r="BW115" s="817"/>
      <c r="BX115" s="817"/>
      <c r="BY115" s="817"/>
      <c r="BZ115" s="817"/>
      <c r="CA115" s="817" t="s">
        <v>129</v>
      </c>
      <c r="CB115" s="817"/>
      <c r="CC115" s="817"/>
      <c r="CD115" s="817"/>
      <c r="CE115" s="817"/>
      <c r="CF115" s="875" t="s">
        <v>129</v>
      </c>
      <c r="CG115" s="876"/>
      <c r="CH115" s="876"/>
      <c r="CI115" s="876"/>
      <c r="CJ115" s="876"/>
      <c r="CK115" s="927"/>
      <c r="CL115" s="821"/>
      <c r="CM115" s="815" t="s">
        <v>452</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29</v>
      </c>
      <c r="DH115" s="780"/>
      <c r="DI115" s="780"/>
      <c r="DJ115" s="780"/>
      <c r="DK115" s="781"/>
      <c r="DL115" s="782" t="s">
        <v>129</v>
      </c>
      <c r="DM115" s="780"/>
      <c r="DN115" s="780"/>
      <c r="DO115" s="780"/>
      <c r="DP115" s="781"/>
      <c r="DQ115" s="782" t="s">
        <v>129</v>
      </c>
      <c r="DR115" s="780"/>
      <c r="DS115" s="780"/>
      <c r="DT115" s="780"/>
      <c r="DU115" s="781"/>
      <c r="DV115" s="824" t="s">
        <v>129</v>
      </c>
      <c r="DW115" s="825"/>
      <c r="DX115" s="825"/>
      <c r="DY115" s="825"/>
      <c r="DZ115" s="826"/>
    </row>
    <row r="116" spans="1:130" s="230" customFormat="1" ht="26.25" customHeight="1" x14ac:dyDescent="0.2">
      <c r="A116" s="916"/>
      <c r="B116" s="917"/>
      <c r="C116" s="839" t="s">
        <v>453</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29</v>
      </c>
      <c r="AB116" s="780"/>
      <c r="AC116" s="780"/>
      <c r="AD116" s="780"/>
      <c r="AE116" s="781"/>
      <c r="AF116" s="782" t="s">
        <v>129</v>
      </c>
      <c r="AG116" s="780"/>
      <c r="AH116" s="780"/>
      <c r="AI116" s="780"/>
      <c r="AJ116" s="781"/>
      <c r="AK116" s="782" t="s">
        <v>129</v>
      </c>
      <c r="AL116" s="780"/>
      <c r="AM116" s="780"/>
      <c r="AN116" s="780"/>
      <c r="AO116" s="781"/>
      <c r="AP116" s="824" t="s">
        <v>129</v>
      </c>
      <c r="AQ116" s="825"/>
      <c r="AR116" s="825"/>
      <c r="AS116" s="825"/>
      <c r="AT116" s="826"/>
      <c r="AU116" s="932"/>
      <c r="AV116" s="933"/>
      <c r="AW116" s="933"/>
      <c r="AX116" s="933"/>
      <c r="AY116" s="933"/>
      <c r="AZ116" s="909" t="s">
        <v>454</v>
      </c>
      <c r="BA116" s="910"/>
      <c r="BB116" s="910"/>
      <c r="BC116" s="910"/>
      <c r="BD116" s="910"/>
      <c r="BE116" s="910"/>
      <c r="BF116" s="910"/>
      <c r="BG116" s="910"/>
      <c r="BH116" s="910"/>
      <c r="BI116" s="910"/>
      <c r="BJ116" s="910"/>
      <c r="BK116" s="910"/>
      <c r="BL116" s="910"/>
      <c r="BM116" s="910"/>
      <c r="BN116" s="910"/>
      <c r="BO116" s="910"/>
      <c r="BP116" s="911"/>
      <c r="BQ116" s="816" t="s">
        <v>129</v>
      </c>
      <c r="BR116" s="817"/>
      <c r="BS116" s="817"/>
      <c r="BT116" s="817"/>
      <c r="BU116" s="817"/>
      <c r="BV116" s="817" t="s">
        <v>129</v>
      </c>
      <c r="BW116" s="817"/>
      <c r="BX116" s="817"/>
      <c r="BY116" s="817"/>
      <c r="BZ116" s="817"/>
      <c r="CA116" s="817" t="s">
        <v>129</v>
      </c>
      <c r="CB116" s="817"/>
      <c r="CC116" s="817"/>
      <c r="CD116" s="817"/>
      <c r="CE116" s="817"/>
      <c r="CF116" s="875" t="s">
        <v>129</v>
      </c>
      <c r="CG116" s="876"/>
      <c r="CH116" s="876"/>
      <c r="CI116" s="876"/>
      <c r="CJ116" s="876"/>
      <c r="CK116" s="927"/>
      <c r="CL116" s="821"/>
      <c r="CM116" s="815" t="s">
        <v>455</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129</v>
      </c>
      <c r="DH116" s="780"/>
      <c r="DI116" s="780"/>
      <c r="DJ116" s="780"/>
      <c r="DK116" s="781"/>
      <c r="DL116" s="782" t="s">
        <v>129</v>
      </c>
      <c r="DM116" s="780"/>
      <c r="DN116" s="780"/>
      <c r="DO116" s="780"/>
      <c r="DP116" s="781"/>
      <c r="DQ116" s="782" t="s">
        <v>129</v>
      </c>
      <c r="DR116" s="780"/>
      <c r="DS116" s="780"/>
      <c r="DT116" s="780"/>
      <c r="DU116" s="781"/>
      <c r="DV116" s="824" t="s">
        <v>129</v>
      </c>
      <c r="DW116" s="825"/>
      <c r="DX116" s="825"/>
      <c r="DY116" s="825"/>
      <c r="DZ116" s="826"/>
    </row>
    <row r="117" spans="1:130" s="230" customFormat="1" ht="26.25" customHeight="1" x14ac:dyDescent="0.2">
      <c r="A117" s="895" t="s">
        <v>188</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6</v>
      </c>
      <c r="Z117" s="897"/>
      <c r="AA117" s="902">
        <v>489775</v>
      </c>
      <c r="AB117" s="903"/>
      <c r="AC117" s="903"/>
      <c r="AD117" s="903"/>
      <c r="AE117" s="904"/>
      <c r="AF117" s="905">
        <v>497330</v>
      </c>
      <c r="AG117" s="903"/>
      <c r="AH117" s="903"/>
      <c r="AI117" s="903"/>
      <c r="AJ117" s="904"/>
      <c r="AK117" s="905">
        <v>524654</v>
      </c>
      <c r="AL117" s="903"/>
      <c r="AM117" s="903"/>
      <c r="AN117" s="903"/>
      <c r="AO117" s="904"/>
      <c r="AP117" s="906"/>
      <c r="AQ117" s="907"/>
      <c r="AR117" s="907"/>
      <c r="AS117" s="907"/>
      <c r="AT117" s="908"/>
      <c r="AU117" s="932"/>
      <c r="AV117" s="933"/>
      <c r="AW117" s="933"/>
      <c r="AX117" s="933"/>
      <c r="AY117" s="933"/>
      <c r="AZ117" s="863" t="s">
        <v>457</v>
      </c>
      <c r="BA117" s="864"/>
      <c r="BB117" s="864"/>
      <c r="BC117" s="864"/>
      <c r="BD117" s="864"/>
      <c r="BE117" s="864"/>
      <c r="BF117" s="864"/>
      <c r="BG117" s="864"/>
      <c r="BH117" s="864"/>
      <c r="BI117" s="864"/>
      <c r="BJ117" s="864"/>
      <c r="BK117" s="864"/>
      <c r="BL117" s="864"/>
      <c r="BM117" s="864"/>
      <c r="BN117" s="864"/>
      <c r="BO117" s="864"/>
      <c r="BP117" s="865"/>
      <c r="BQ117" s="816" t="s">
        <v>129</v>
      </c>
      <c r="BR117" s="817"/>
      <c r="BS117" s="817"/>
      <c r="BT117" s="817"/>
      <c r="BU117" s="817"/>
      <c r="BV117" s="817" t="s">
        <v>129</v>
      </c>
      <c r="BW117" s="817"/>
      <c r="BX117" s="817"/>
      <c r="BY117" s="817"/>
      <c r="BZ117" s="817"/>
      <c r="CA117" s="817" t="s">
        <v>129</v>
      </c>
      <c r="CB117" s="817"/>
      <c r="CC117" s="817"/>
      <c r="CD117" s="817"/>
      <c r="CE117" s="817"/>
      <c r="CF117" s="875" t="s">
        <v>129</v>
      </c>
      <c r="CG117" s="876"/>
      <c r="CH117" s="876"/>
      <c r="CI117" s="876"/>
      <c r="CJ117" s="876"/>
      <c r="CK117" s="927"/>
      <c r="CL117" s="821"/>
      <c r="CM117" s="815" t="s">
        <v>458</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29</v>
      </c>
      <c r="DH117" s="780"/>
      <c r="DI117" s="780"/>
      <c r="DJ117" s="780"/>
      <c r="DK117" s="781"/>
      <c r="DL117" s="782" t="s">
        <v>129</v>
      </c>
      <c r="DM117" s="780"/>
      <c r="DN117" s="780"/>
      <c r="DO117" s="780"/>
      <c r="DP117" s="781"/>
      <c r="DQ117" s="782" t="s">
        <v>129</v>
      </c>
      <c r="DR117" s="780"/>
      <c r="DS117" s="780"/>
      <c r="DT117" s="780"/>
      <c r="DU117" s="781"/>
      <c r="DV117" s="824" t="s">
        <v>129</v>
      </c>
      <c r="DW117" s="825"/>
      <c r="DX117" s="825"/>
      <c r="DY117" s="825"/>
      <c r="DZ117" s="826"/>
    </row>
    <row r="118" spans="1:130" s="230" customFormat="1" ht="26.25" customHeight="1" x14ac:dyDescent="0.2">
      <c r="A118" s="895" t="s">
        <v>432</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9</v>
      </c>
      <c r="AB118" s="896"/>
      <c r="AC118" s="896"/>
      <c r="AD118" s="896"/>
      <c r="AE118" s="897"/>
      <c r="AF118" s="898" t="s">
        <v>430</v>
      </c>
      <c r="AG118" s="896"/>
      <c r="AH118" s="896"/>
      <c r="AI118" s="896"/>
      <c r="AJ118" s="897"/>
      <c r="AK118" s="898" t="s">
        <v>307</v>
      </c>
      <c r="AL118" s="896"/>
      <c r="AM118" s="896"/>
      <c r="AN118" s="896"/>
      <c r="AO118" s="897"/>
      <c r="AP118" s="899" t="s">
        <v>431</v>
      </c>
      <c r="AQ118" s="900"/>
      <c r="AR118" s="900"/>
      <c r="AS118" s="900"/>
      <c r="AT118" s="901"/>
      <c r="AU118" s="932"/>
      <c r="AV118" s="933"/>
      <c r="AW118" s="933"/>
      <c r="AX118" s="933"/>
      <c r="AY118" s="933"/>
      <c r="AZ118" s="838" t="s">
        <v>459</v>
      </c>
      <c r="BA118" s="839"/>
      <c r="BB118" s="839"/>
      <c r="BC118" s="839"/>
      <c r="BD118" s="839"/>
      <c r="BE118" s="839"/>
      <c r="BF118" s="839"/>
      <c r="BG118" s="839"/>
      <c r="BH118" s="839"/>
      <c r="BI118" s="839"/>
      <c r="BJ118" s="839"/>
      <c r="BK118" s="839"/>
      <c r="BL118" s="839"/>
      <c r="BM118" s="839"/>
      <c r="BN118" s="839"/>
      <c r="BO118" s="839"/>
      <c r="BP118" s="840"/>
      <c r="BQ118" s="879" t="s">
        <v>129</v>
      </c>
      <c r="BR118" s="845"/>
      <c r="BS118" s="845"/>
      <c r="BT118" s="845"/>
      <c r="BU118" s="845"/>
      <c r="BV118" s="845" t="s">
        <v>129</v>
      </c>
      <c r="BW118" s="845"/>
      <c r="BX118" s="845"/>
      <c r="BY118" s="845"/>
      <c r="BZ118" s="845"/>
      <c r="CA118" s="845" t="s">
        <v>129</v>
      </c>
      <c r="CB118" s="845"/>
      <c r="CC118" s="845"/>
      <c r="CD118" s="845"/>
      <c r="CE118" s="845"/>
      <c r="CF118" s="875" t="s">
        <v>129</v>
      </c>
      <c r="CG118" s="876"/>
      <c r="CH118" s="876"/>
      <c r="CI118" s="876"/>
      <c r="CJ118" s="876"/>
      <c r="CK118" s="927"/>
      <c r="CL118" s="821"/>
      <c r="CM118" s="815" t="s">
        <v>460</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29</v>
      </c>
      <c r="DH118" s="780"/>
      <c r="DI118" s="780"/>
      <c r="DJ118" s="780"/>
      <c r="DK118" s="781"/>
      <c r="DL118" s="782" t="s">
        <v>129</v>
      </c>
      <c r="DM118" s="780"/>
      <c r="DN118" s="780"/>
      <c r="DO118" s="780"/>
      <c r="DP118" s="781"/>
      <c r="DQ118" s="782" t="s">
        <v>129</v>
      </c>
      <c r="DR118" s="780"/>
      <c r="DS118" s="780"/>
      <c r="DT118" s="780"/>
      <c r="DU118" s="781"/>
      <c r="DV118" s="824" t="s">
        <v>129</v>
      </c>
      <c r="DW118" s="825"/>
      <c r="DX118" s="825"/>
      <c r="DY118" s="825"/>
      <c r="DZ118" s="826"/>
    </row>
    <row r="119" spans="1:130" s="230" customFormat="1" ht="26.25" customHeight="1" x14ac:dyDescent="0.2">
      <c r="A119" s="818" t="s">
        <v>435</v>
      </c>
      <c r="B119" s="819"/>
      <c r="C119" s="860" t="s">
        <v>436</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v>4456</v>
      </c>
      <c r="AB119" s="889"/>
      <c r="AC119" s="889"/>
      <c r="AD119" s="889"/>
      <c r="AE119" s="890"/>
      <c r="AF119" s="891">
        <v>4492</v>
      </c>
      <c r="AG119" s="889"/>
      <c r="AH119" s="889"/>
      <c r="AI119" s="889"/>
      <c r="AJ119" s="890"/>
      <c r="AK119" s="891">
        <v>4529</v>
      </c>
      <c r="AL119" s="889"/>
      <c r="AM119" s="889"/>
      <c r="AN119" s="889"/>
      <c r="AO119" s="890"/>
      <c r="AP119" s="892">
        <v>0.2</v>
      </c>
      <c r="AQ119" s="893"/>
      <c r="AR119" s="893"/>
      <c r="AS119" s="893"/>
      <c r="AT119" s="894"/>
      <c r="AU119" s="934"/>
      <c r="AV119" s="935"/>
      <c r="AW119" s="935"/>
      <c r="AX119" s="935"/>
      <c r="AY119" s="935"/>
      <c r="AZ119" s="251" t="s">
        <v>188</v>
      </c>
      <c r="BA119" s="251"/>
      <c r="BB119" s="251"/>
      <c r="BC119" s="251"/>
      <c r="BD119" s="251"/>
      <c r="BE119" s="251"/>
      <c r="BF119" s="251"/>
      <c r="BG119" s="251"/>
      <c r="BH119" s="251"/>
      <c r="BI119" s="251"/>
      <c r="BJ119" s="251"/>
      <c r="BK119" s="251"/>
      <c r="BL119" s="251"/>
      <c r="BM119" s="251"/>
      <c r="BN119" s="251"/>
      <c r="BO119" s="877" t="s">
        <v>461</v>
      </c>
      <c r="BP119" s="878"/>
      <c r="BQ119" s="879">
        <v>6815314</v>
      </c>
      <c r="BR119" s="845"/>
      <c r="BS119" s="845"/>
      <c r="BT119" s="845"/>
      <c r="BU119" s="845"/>
      <c r="BV119" s="845">
        <v>7513909</v>
      </c>
      <c r="BW119" s="845"/>
      <c r="BX119" s="845"/>
      <c r="BY119" s="845"/>
      <c r="BZ119" s="845"/>
      <c r="CA119" s="845">
        <v>7372028</v>
      </c>
      <c r="CB119" s="845"/>
      <c r="CC119" s="845"/>
      <c r="CD119" s="845"/>
      <c r="CE119" s="845"/>
      <c r="CF119" s="748"/>
      <c r="CG119" s="749"/>
      <c r="CH119" s="749"/>
      <c r="CI119" s="749"/>
      <c r="CJ119" s="834"/>
      <c r="CK119" s="928"/>
      <c r="CL119" s="823"/>
      <c r="CM119" s="838" t="s">
        <v>462</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29</v>
      </c>
      <c r="DH119" s="764"/>
      <c r="DI119" s="764"/>
      <c r="DJ119" s="764"/>
      <c r="DK119" s="765"/>
      <c r="DL119" s="766" t="s">
        <v>129</v>
      </c>
      <c r="DM119" s="764"/>
      <c r="DN119" s="764"/>
      <c r="DO119" s="764"/>
      <c r="DP119" s="765"/>
      <c r="DQ119" s="766" t="s">
        <v>129</v>
      </c>
      <c r="DR119" s="764"/>
      <c r="DS119" s="764"/>
      <c r="DT119" s="764"/>
      <c r="DU119" s="765"/>
      <c r="DV119" s="848" t="s">
        <v>129</v>
      </c>
      <c r="DW119" s="849"/>
      <c r="DX119" s="849"/>
      <c r="DY119" s="849"/>
      <c r="DZ119" s="850"/>
    </row>
    <row r="120" spans="1:130" s="230" customFormat="1" ht="26.25" customHeight="1" x14ac:dyDescent="0.2">
      <c r="A120" s="820"/>
      <c r="B120" s="821"/>
      <c r="C120" s="815" t="s">
        <v>439</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29</v>
      </c>
      <c r="AB120" s="780"/>
      <c r="AC120" s="780"/>
      <c r="AD120" s="780"/>
      <c r="AE120" s="781"/>
      <c r="AF120" s="782" t="s">
        <v>129</v>
      </c>
      <c r="AG120" s="780"/>
      <c r="AH120" s="780"/>
      <c r="AI120" s="780"/>
      <c r="AJ120" s="781"/>
      <c r="AK120" s="782" t="s">
        <v>129</v>
      </c>
      <c r="AL120" s="780"/>
      <c r="AM120" s="780"/>
      <c r="AN120" s="780"/>
      <c r="AO120" s="781"/>
      <c r="AP120" s="824" t="s">
        <v>129</v>
      </c>
      <c r="AQ120" s="825"/>
      <c r="AR120" s="825"/>
      <c r="AS120" s="825"/>
      <c r="AT120" s="826"/>
      <c r="AU120" s="880" t="s">
        <v>463</v>
      </c>
      <c r="AV120" s="881"/>
      <c r="AW120" s="881"/>
      <c r="AX120" s="881"/>
      <c r="AY120" s="882"/>
      <c r="AZ120" s="860" t="s">
        <v>464</v>
      </c>
      <c r="BA120" s="808"/>
      <c r="BB120" s="808"/>
      <c r="BC120" s="808"/>
      <c r="BD120" s="808"/>
      <c r="BE120" s="808"/>
      <c r="BF120" s="808"/>
      <c r="BG120" s="808"/>
      <c r="BH120" s="808"/>
      <c r="BI120" s="808"/>
      <c r="BJ120" s="808"/>
      <c r="BK120" s="808"/>
      <c r="BL120" s="808"/>
      <c r="BM120" s="808"/>
      <c r="BN120" s="808"/>
      <c r="BO120" s="808"/>
      <c r="BP120" s="809"/>
      <c r="BQ120" s="861">
        <v>1518270</v>
      </c>
      <c r="BR120" s="842"/>
      <c r="BS120" s="842"/>
      <c r="BT120" s="842"/>
      <c r="BU120" s="842"/>
      <c r="BV120" s="842">
        <v>2139654</v>
      </c>
      <c r="BW120" s="842"/>
      <c r="BX120" s="842"/>
      <c r="BY120" s="842"/>
      <c r="BZ120" s="842"/>
      <c r="CA120" s="842">
        <v>2561467</v>
      </c>
      <c r="CB120" s="842"/>
      <c r="CC120" s="842"/>
      <c r="CD120" s="842"/>
      <c r="CE120" s="842"/>
      <c r="CF120" s="866">
        <v>89</v>
      </c>
      <c r="CG120" s="867"/>
      <c r="CH120" s="867"/>
      <c r="CI120" s="867"/>
      <c r="CJ120" s="867"/>
      <c r="CK120" s="868" t="s">
        <v>465</v>
      </c>
      <c r="CL120" s="852"/>
      <c r="CM120" s="852"/>
      <c r="CN120" s="852"/>
      <c r="CO120" s="853"/>
      <c r="CP120" s="872" t="s">
        <v>408</v>
      </c>
      <c r="CQ120" s="873"/>
      <c r="CR120" s="873"/>
      <c r="CS120" s="873"/>
      <c r="CT120" s="873"/>
      <c r="CU120" s="873"/>
      <c r="CV120" s="873"/>
      <c r="CW120" s="873"/>
      <c r="CX120" s="873"/>
      <c r="CY120" s="873"/>
      <c r="CZ120" s="873"/>
      <c r="DA120" s="873"/>
      <c r="DB120" s="873"/>
      <c r="DC120" s="873"/>
      <c r="DD120" s="873"/>
      <c r="DE120" s="873"/>
      <c r="DF120" s="874"/>
      <c r="DG120" s="861">
        <v>782413</v>
      </c>
      <c r="DH120" s="842"/>
      <c r="DI120" s="842"/>
      <c r="DJ120" s="842"/>
      <c r="DK120" s="842"/>
      <c r="DL120" s="842">
        <v>728660</v>
      </c>
      <c r="DM120" s="842"/>
      <c r="DN120" s="842"/>
      <c r="DO120" s="842"/>
      <c r="DP120" s="842"/>
      <c r="DQ120" s="842">
        <v>691945</v>
      </c>
      <c r="DR120" s="842"/>
      <c r="DS120" s="842"/>
      <c r="DT120" s="842"/>
      <c r="DU120" s="842"/>
      <c r="DV120" s="843">
        <v>24</v>
      </c>
      <c r="DW120" s="843"/>
      <c r="DX120" s="843"/>
      <c r="DY120" s="843"/>
      <c r="DZ120" s="844"/>
    </row>
    <row r="121" spans="1:130" s="230" customFormat="1" ht="26.25" customHeight="1" x14ac:dyDescent="0.2">
      <c r="A121" s="820"/>
      <c r="B121" s="821"/>
      <c r="C121" s="863" t="s">
        <v>466</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29</v>
      </c>
      <c r="AB121" s="780"/>
      <c r="AC121" s="780"/>
      <c r="AD121" s="780"/>
      <c r="AE121" s="781"/>
      <c r="AF121" s="782" t="s">
        <v>129</v>
      </c>
      <c r="AG121" s="780"/>
      <c r="AH121" s="780"/>
      <c r="AI121" s="780"/>
      <c r="AJ121" s="781"/>
      <c r="AK121" s="782" t="s">
        <v>129</v>
      </c>
      <c r="AL121" s="780"/>
      <c r="AM121" s="780"/>
      <c r="AN121" s="780"/>
      <c r="AO121" s="781"/>
      <c r="AP121" s="824" t="s">
        <v>129</v>
      </c>
      <c r="AQ121" s="825"/>
      <c r="AR121" s="825"/>
      <c r="AS121" s="825"/>
      <c r="AT121" s="826"/>
      <c r="AU121" s="883"/>
      <c r="AV121" s="884"/>
      <c r="AW121" s="884"/>
      <c r="AX121" s="884"/>
      <c r="AY121" s="885"/>
      <c r="AZ121" s="815" t="s">
        <v>467</v>
      </c>
      <c r="BA121" s="752"/>
      <c r="BB121" s="752"/>
      <c r="BC121" s="752"/>
      <c r="BD121" s="752"/>
      <c r="BE121" s="752"/>
      <c r="BF121" s="752"/>
      <c r="BG121" s="752"/>
      <c r="BH121" s="752"/>
      <c r="BI121" s="752"/>
      <c r="BJ121" s="752"/>
      <c r="BK121" s="752"/>
      <c r="BL121" s="752"/>
      <c r="BM121" s="752"/>
      <c r="BN121" s="752"/>
      <c r="BO121" s="752"/>
      <c r="BP121" s="753"/>
      <c r="BQ121" s="816" t="s">
        <v>129</v>
      </c>
      <c r="BR121" s="817"/>
      <c r="BS121" s="817"/>
      <c r="BT121" s="817"/>
      <c r="BU121" s="817"/>
      <c r="BV121" s="817" t="s">
        <v>129</v>
      </c>
      <c r="BW121" s="817"/>
      <c r="BX121" s="817"/>
      <c r="BY121" s="817"/>
      <c r="BZ121" s="817"/>
      <c r="CA121" s="817" t="s">
        <v>129</v>
      </c>
      <c r="CB121" s="817"/>
      <c r="CC121" s="817"/>
      <c r="CD121" s="817"/>
      <c r="CE121" s="817"/>
      <c r="CF121" s="875" t="s">
        <v>129</v>
      </c>
      <c r="CG121" s="876"/>
      <c r="CH121" s="876"/>
      <c r="CI121" s="876"/>
      <c r="CJ121" s="876"/>
      <c r="CK121" s="869"/>
      <c r="CL121" s="855"/>
      <c r="CM121" s="855"/>
      <c r="CN121" s="855"/>
      <c r="CO121" s="856"/>
      <c r="CP121" s="835" t="s">
        <v>410</v>
      </c>
      <c r="CQ121" s="836"/>
      <c r="CR121" s="836"/>
      <c r="CS121" s="836"/>
      <c r="CT121" s="836"/>
      <c r="CU121" s="836"/>
      <c r="CV121" s="836"/>
      <c r="CW121" s="836"/>
      <c r="CX121" s="836"/>
      <c r="CY121" s="836"/>
      <c r="CZ121" s="836"/>
      <c r="DA121" s="836"/>
      <c r="DB121" s="836"/>
      <c r="DC121" s="836"/>
      <c r="DD121" s="836"/>
      <c r="DE121" s="836"/>
      <c r="DF121" s="837"/>
      <c r="DG121" s="816">
        <v>130650</v>
      </c>
      <c r="DH121" s="817"/>
      <c r="DI121" s="817"/>
      <c r="DJ121" s="817"/>
      <c r="DK121" s="817"/>
      <c r="DL121" s="817">
        <v>128144</v>
      </c>
      <c r="DM121" s="817"/>
      <c r="DN121" s="817"/>
      <c r="DO121" s="817"/>
      <c r="DP121" s="817"/>
      <c r="DQ121" s="817">
        <v>120196</v>
      </c>
      <c r="DR121" s="817"/>
      <c r="DS121" s="817"/>
      <c r="DT121" s="817"/>
      <c r="DU121" s="817"/>
      <c r="DV121" s="794">
        <v>4.2</v>
      </c>
      <c r="DW121" s="794"/>
      <c r="DX121" s="794"/>
      <c r="DY121" s="794"/>
      <c r="DZ121" s="795"/>
    </row>
    <row r="122" spans="1:130" s="230" customFormat="1" ht="26.25" customHeight="1" x14ac:dyDescent="0.2">
      <c r="A122" s="820"/>
      <c r="B122" s="821"/>
      <c r="C122" s="815" t="s">
        <v>449</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29</v>
      </c>
      <c r="AB122" s="780"/>
      <c r="AC122" s="780"/>
      <c r="AD122" s="780"/>
      <c r="AE122" s="781"/>
      <c r="AF122" s="782" t="s">
        <v>129</v>
      </c>
      <c r="AG122" s="780"/>
      <c r="AH122" s="780"/>
      <c r="AI122" s="780"/>
      <c r="AJ122" s="781"/>
      <c r="AK122" s="782" t="s">
        <v>129</v>
      </c>
      <c r="AL122" s="780"/>
      <c r="AM122" s="780"/>
      <c r="AN122" s="780"/>
      <c r="AO122" s="781"/>
      <c r="AP122" s="824" t="s">
        <v>129</v>
      </c>
      <c r="AQ122" s="825"/>
      <c r="AR122" s="825"/>
      <c r="AS122" s="825"/>
      <c r="AT122" s="826"/>
      <c r="AU122" s="883"/>
      <c r="AV122" s="884"/>
      <c r="AW122" s="884"/>
      <c r="AX122" s="884"/>
      <c r="AY122" s="885"/>
      <c r="AZ122" s="838" t="s">
        <v>468</v>
      </c>
      <c r="BA122" s="839"/>
      <c r="BB122" s="839"/>
      <c r="BC122" s="839"/>
      <c r="BD122" s="839"/>
      <c r="BE122" s="839"/>
      <c r="BF122" s="839"/>
      <c r="BG122" s="839"/>
      <c r="BH122" s="839"/>
      <c r="BI122" s="839"/>
      <c r="BJ122" s="839"/>
      <c r="BK122" s="839"/>
      <c r="BL122" s="839"/>
      <c r="BM122" s="839"/>
      <c r="BN122" s="839"/>
      <c r="BO122" s="839"/>
      <c r="BP122" s="840"/>
      <c r="BQ122" s="879">
        <v>3968094</v>
      </c>
      <c r="BR122" s="845"/>
      <c r="BS122" s="845"/>
      <c r="BT122" s="845"/>
      <c r="BU122" s="845"/>
      <c r="BV122" s="845">
        <v>4373483</v>
      </c>
      <c r="BW122" s="845"/>
      <c r="BX122" s="845"/>
      <c r="BY122" s="845"/>
      <c r="BZ122" s="845"/>
      <c r="CA122" s="845">
        <v>4341334</v>
      </c>
      <c r="CB122" s="845"/>
      <c r="CC122" s="845"/>
      <c r="CD122" s="845"/>
      <c r="CE122" s="845"/>
      <c r="CF122" s="846">
        <v>150.9</v>
      </c>
      <c r="CG122" s="847"/>
      <c r="CH122" s="847"/>
      <c r="CI122" s="847"/>
      <c r="CJ122" s="847"/>
      <c r="CK122" s="869"/>
      <c r="CL122" s="855"/>
      <c r="CM122" s="855"/>
      <c r="CN122" s="855"/>
      <c r="CO122" s="856"/>
      <c r="CP122" s="835" t="s">
        <v>406</v>
      </c>
      <c r="CQ122" s="836"/>
      <c r="CR122" s="836"/>
      <c r="CS122" s="836"/>
      <c r="CT122" s="836"/>
      <c r="CU122" s="836"/>
      <c r="CV122" s="836"/>
      <c r="CW122" s="836"/>
      <c r="CX122" s="836"/>
      <c r="CY122" s="836"/>
      <c r="CZ122" s="836"/>
      <c r="DA122" s="836"/>
      <c r="DB122" s="836"/>
      <c r="DC122" s="836"/>
      <c r="DD122" s="836"/>
      <c r="DE122" s="836"/>
      <c r="DF122" s="837"/>
      <c r="DG122" s="816">
        <v>2991</v>
      </c>
      <c r="DH122" s="817"/>
      <c r="DI122" s="817"/>
      <c r="DJ122" s="817"/>
      <c r="DK122" s="817"/>
      <c r="DL122" s="817">
        <v>2552</v>
      </c>
      <c r="DM122" s="817"/>
      <c r="DN122" s="817"/>
      <c r="DO122" s="817"/>
      <c r="DP122" s="817"/>
      <c r="DQ122" s="817">
        <v>2641</v>
      </c>
      <c r="DR122" s="817"/>
      <c r="DS122" s="817"/>
      <c r="DT122" s="817"/>
      <c r="DU122" s="817"/>
      <c r="DV122" s="794">
        <v>0.1</v>
      </c>
      <c r="DW122" s="794"/>
      <c r="DX122" s="794"/>
      <c r="DY122" s="794"/>
      <c r="DZ122" s="795"/>
    </row>
    <row r="123" spans="1:130" s="230" customFormat="1" ht="26.25" customHeight="1" x14ac:dyDescent="0.2">
      <c r="A123" s="820"/>
      <c r="B123" s="821"/>
      <c r="C123" s="815" t="s">
        <v>455</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29</v>
      </c>
      <c r="AB123" s="780"/>
      <c r="AC123" s="780"/>
      <c r="AD123" s="780"/>
      <c r="AE123" s="781"/>
      <c r="AF123" s="782" t="s">
        <v>129</v>
      </c>
      <c r="AG123" s="780"/>
      <c r="AH123" s="780"/>
      <c r="AI123" s="780"/>
      <c r="AJ123" s="781"/>
      <c r="AK123" s="782" t="s">
        <v>129</v>
      </c>
      <c r="AL123" s="780"/>
      <c r="AM123" s="780"/>
      <c r="AN123" s="780"/>
      <c r="AO123" s="781"/>
      <c r="AP123" s="824" t="s">
        <v>129</v>
      </c>
      <c r="AQ123" s="825"/>
      <c r="AR123" s="825"/>
      <c r="AS123" s="825"/>
      <c r="AT123" s="826"/>
      <c r="AU123" s="886"/>
      <c r="AV123" s="887"/>
      <c r="AW123" s="887"/>
      <c r="AX123" s="887"/>
      <c r="AY123" s="887"/>
      <c r="AZ123" s="251" t="s">
        <v>188</v>
      </c>
      <c r="BA123" s="251"/>
      <c r="BB123" s="251"/>
      <c r="BC123" s="251"/>
      <c r="BD123" s="251"/>
      <c r="BE123" s="251"/>
      <c r="BF123" s="251"/>
      <c r="BG123" s="251"/>
      <c r="BH123" s="251"/>
      <c r="BI123" s="251"/>
      <c r="BJ123" s="251"/>
      <c r="BK123" s="251"/>
      <c r="BL123" s="251"/>
      <c r="BM123" s="251"/>
      <c r="BN123" s="251"/>
      <c r="BO123" s="877" t="s">
        <v>469</v>
      </c>
      <c r="BP123" s="878"/>
      <c r="BQ123" s="832">
        <v>5486364</v>
      </c>
      <c r="BR123" s="833"/>
      <c r="BS123" s="833"/>
      <c r="BT123" s="833"/>
      <c r="BU123" s="833"/>
      <c r="BV123" s="833">
        <v>6513137</v>
      </c>
      <c r="BW123" s="833"/>
      <c r="BX123" s="833"/>
      <c r="BY123" s="833"/>
      <c r="BZ123" s="833"/>
      <c r="CA123" s="833">
        <v>6902801</v>
      </c>
      <c r="CB123" s="833"/>
      <c r="CC123" s="833"/>
      <c r="CD123" s="833"/>
      <c r="CE123" s="833"/>
      <c r="CF123" s="748"/>
      <c r="CG123" s="749"/>
      <c r="CH123" s="749"/>
      <c r="CI123" s="749"/>
      <c r="CJ123" s="834"/>
      <c r="CK123" s="869"/>
      <c r="CL123" s="855"/>
      <c r="CM123" s="855"/>
      <c r="CN123" s="855"/>
      <c r="CO123" s="856"/>
      <c r="CP123" s="835" t="s">
        <v>470</v>
      </c>
      <c r="CQ123" s="836"/>
      <c r="CR123" s="836"/>
      <c r="CS123" s="836"/>
      <c r="CT123" s="836"/>
      <c r="CU123" s="836"/>
      <c r="CV123" s="836"/>
      <c r="CW123" s="836"/>
      <c r="CX123" s="836"/>
      <c r="CY123" s="836"/>
      <c r="CZ123" s="836"/>
      <c r="DA123" s="836"/>
      <c r="DB123" s="836"/>
      <c r="DC123" s="836"/>
      <c r="DD123" s="836"/>
      <c r="DE123" s="836"/>
      <c r="DF123" s="837"/>
      <c r="DG123" s="779" t="s">
        <v>129</v>
      </c>
      <c r="DH123" s="780"/>
      <c r="DI123" s="780"/>
      <c r="DJ123" s="780"/>
      <c r="DK123" s="781"/>
      <c r="DL123" s="782" t="s">
        <v>129</v>
      </c>
      <c r="DM123" s="780"/>
      <c r="DN123" s="780"/>
      <c r="DO123" s="780"/>
      <c r="DP123" s="781"/>
      <c r="DQ123" s="782" t="s">
        <v>129</v>
      </c>
      <c r="DR123" s="780"/>
      <c r="DS123" s="780"/>
      <c r="DT123" s="780"/>
      <c r="DU123" s="781"/>
      <c r="DV123" s="824" t="s">
        <v>129</v>
      </c>
      <c r="DW123" s="825"/>
      <c r="DX123" s="825"/>
      <c r="DY123" s="825"/>
      <c r="DZ123" s="826"/>
    </row>
    <row r="124" spans="1:130" s="230" customFormat="1" ht="26.25" customHeight="1" thickBot="1" x14ac:dyDescent="0.25">
      <c r="A124" s="820"/>
      <c r="B124" s="821"/>
      <c r="C124" s="815" t="s">
        <v>458</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29</v>
      </c>
      <c r="AB124" s="780"/>
      <c r="AC124" s="780"/>
      <c r="AD124" s="780"/>
      <c r="AE124" s="781"/>
      <c r="AF124" s="782" t="s">
        <v>129</v>
      </c>
      <c r="AG124" s="780"/>
      <c r="AH124" s="780"/>
      <c r="AI124" s="780"/>
      <c r="AJ124" s="781"/>
      <c r="AK124" s="782" t="s">
        <v>129</v>
      </c>
      <c r="AL124" s="780"/>
      <c r="AM124" s="780"/>
      <c r="AN124" s="780"/>
      <c r="AO124" s="781"/>
      <c r="AP124" s="824" t="s">
        <v>129</v>
      </c>
      <c r="AQ124" s="825"/>
      <c r="AR124" s="825"/>
      <c r="AS124" s="825"/>
      <c r="AT124" s="826"/>
      <c r="AU124" s="827" t="s">
        <v>471</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49.2</v>
      </c>
      <c r="BR124" s="831"/>
      <c r="BS124" s="831"/>
      <c r="BT124" s="831"/>
      <c r="BU124" s="831"/>
      <c r="BV124" s="831">
        <v>33.9</v>
      </c>
      <c r="BW124" s="831"/>
      <c r="BX124" s="831"/>
      <c r="BY124" s="831"/>
      <c r="BZ124" s="831"/>
      <c r="CA124" s="831">
        <v>16.3</v>
      </c>
      <c r="CB124" s="831"/>
      <c r="CC124" s="831"/>
      <c r="CD124" s="831"/>
      <c r="CE124" s="831"/>
      <c r="CF124" s="726"/>
      <c r="CG124" s="727"/>
      <c r="CH124" s="727"/>
      <c r="CI124" s="727"/>
      <c r="CJ124" s="862"/>
      <c r="CK124" s="870"/>
      <c r="CL124" s="870"/>
      <c r="CM124" s="870"/>
      <c r="CN124" s="870"/>
      <c r="CO124" s="871"/>
      <c r="CP124" s="835" t="s">
        <v>472</v>
      </c>
      <c r="CQ124" s="836"/>
      <c r="CR124" s="836"/>
      <c r="CS124" s="836"/>
      <c r="CT124" s="836"/>
      <c r="CU124" s="836"/>
      <c r="CV124" s="836"/>
      <c r="CW124" s="836"/>
      <c r="CX124" s="836"/>
      <c r="CY124" s="836"/>
      <c r="CZ124" s="836"/>
      <c r="DA124" s="836"/>
      <c r="DB124" s="836"/>
      <c r="DC124" s="836"/>
      <c r="DD124" s="836"/>
      <c r="DE124" s="836"/>
      <c r="DF124" s="837"/>
      <c r="DG124" s="763" t="s">
        <v>129</v>
      </c>
      <c r="DH124" s="764"/>
      <c r="DI124" s="764"/>
      <c r="DJ124" s="764"/>
      <c r="DK124" s="765"/>
      <c r="DL124" s="766" t="s">
        <v>129</v>
      </c>
      <c r="DM124" s="764"/>
      <c r="DN124" s="764"/>
      <c r="DO124" s="764"/>
      <c r="DP124" s="765"/>
      <c r="DQ124" s="766" t="s">
        <v>129</v>
      </c>
      <c r="DR124" s="764"/>
      <c r="DS124" s="764"/>
      <c r="DT124" s="764"/>
      <c r="DU124" s="765"/>
      <c r="DV124" s="848" t="s">
        <v>129</v>
      </c>
      <c r="DW124" s="849"/>
      <c r="DX124" s="849"/>
      <c r="DY124" s="849"/>
      <c r="DZ124" s="850"/>
    </row>
    <row r="125" spans="1:130" s="230" customFormat="1" ht="26.25" customHeight="1" x14ac:dyDescent="0.2">
      <c r="A125" s="820"/>
      <c r="B125" s="821"/>
      <c r="C125" s="815" t="s">
        <v>460</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29</v>
      </c>
      <c r="AB125" s="780"/>
      <c r="AC125" s="780"/>
      <c r="AD125" s="780"/>
      <c r="AE125" s="781"/>
      <c r="AF125" s="782" t="s">
        <v>129</v>
      </c>
      <c r="AG125" s="780"/>
      <c r="AH125" s="780"/>
      <c r="AI125" s="780"/>
      <c r="AJ125" s="781"/>
      <c r="AK125" s="782" t="s">
        <v>129</v>
      </c>
      <c r="AL125" s="780"/>
      <c r="AM125" s="780"/>
      <c r="AN125" s="780"/>
      <c r="AO125" s="781"/>
      <c r="AP125" s="824" t="s">
        <v>129</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3</v>
      </c>
      <c r="CL125" s="852"/>
      <c r="CM125" s="852"/>
      <c r="CN125" s="852"/>
      <c r="CO125" s="853"/>
      <c r="CP125" s="860" t="s">
        <v>474</v>
      </c>
      <c r="CQ125" s="808"/>
      <c r="CR125" s="808"/>
      <c r="CS125" s="808"/>
      <c r="CT125" s="808"/>
      <c r="CU125" s="808"/>
      <c r="CV125" s="808"/>
      <c r="CW125" s="808"/>
      <c r="CX125" s="808"/>
      <c r="CY125" s="808"/>
      <c r="CZ125" s="808"/>
      <c r="DA125" s="808"/>
      <c r="DB125" s="808"/>
      <c r="DC125" s="808"/>
      <c r="DD125" s="808"/>
      <c r="DE125" s="808"/>
      <c r="DF125" s="809"/>
      <c r="DG125" s="861" t="s">
        <v>129</v>
      </c>
      <c r="DH125" s="842"/>
      <c r="DI125" s="842"/>
      <c r="DJ125" s="842"/>
      <c r="DK125" s="842"/>
      <c r="DL125" s="842" t="s">
        <v>129</v>
      </c>
      <c r="DM125" s="842"/>
      <c r="DN125" s="842"/>
      <c r="DO125" s="842"/>
      <c r="DP125" s="842"/>
      <c r="DQ125" s="842" t="s">
        <v>129</v>
      </c>
      <c r="DR125" s="842"/>
      <c r="DS125" s="842"/>
      <c r="DT125" s="842"/>
      <c r="DU125" s="842"/>
      <c r="DV125" s="843" t="s">
        <v>129</v>
      </c>
      <c r="DW125" s="843"/>
      <c r="DX125" s="843"/>
      <c r="DY125" s="843"/>
      <c r="DZ125" s="844"/>
    </row>
    <row r="126" spans="1:130" s="230" customFormat="1" ht="26.25" customHeight="1" thickBot="1" x14ac:dyDescent="0.25">
      <c r="A126" s="820"/>
      <c r="B126" s="821"/>
      <c r="C126" s="815" t="s">
        <v>462</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29</v>
      </c>
      <c r="AB126" s="780"/>
      <c r="AC126" s="780"/>
      <c r="AD126" s="780"/>
      <c r="AE126" s="781"/>
      <c r="AF126" s="782" t="s">
        <v>129</v>
      </c>
      <c r="AG126" s="780"/>
      <c r="AH126" s="780"/>
      <c r="AI126" s="780"/>
      <c r="AJ126" s="781"/>
      <c r="AK126" s="782" t="s">
        <v>129</v>
      </c>
      <c r="AL126" s="780"/>
      <c r="AM126" s="780"/>
      <c r="AN126" s="780"/>
      <c r="AO126" s="781"/>
      <c r="AP126" s="824" t="s">
        <v>129</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5</v>
      </c>
      <c r="CQ126" s="752"/>
      <c r="CR126" s="752"/>
      <c r="CS126" s="752"/>
      <c r="CT126" s="752"/>
      <c r="CU126" s="752"/>
      <c r="CV126" s="752"/>
      <c r="CW126" s="752"/>
      <c r="CX126" s="752"/>
      <c r="CY126" s="752"/>
      <c r="CZ126" s="752"/>
      <c r="DA126" s="752"/>
      <c r="DB126" s="752"/>
      <c r="DC126" s="752"/>
      <c r="DD126" s="752"/>
      <c r="DE126" s="752"/>
      <c r="DF126" s="753"/>
      <c r="DG126" s="816" t="s">
        <v>129</v>
      </c>
      <c r="DH126" s="817"/>
      <c r="DI126" s="817"/>
      <c r="DJ126" s="817"/>
      <c r="DK126" s="817"/>
      <c r="DL126" s="817" t="s">
        <v>129</v>
      </c>
      <c r="DM126" s="817"/>
      <c r="DN126" s="817"/>
      <c r="DO126" s="817"/>
      <c r="DP126" s="817"/>
      <c r="DQ126" s="817" t="s">
        <v>129</v>
      </c>
      <c r="DR126" s="817"/>
      <c r="DS126" s="817"/>
      <c r="DT126" s="817"/>
      <c r="DU126" s="817"/>
      <c r="DV126" s="794" t="s">
        <v>129</v>
      </c>
      <c r="DW126" s="794"/>
      <c r="DX126" s="794"/>
      <c r="DY126" s="794"/>
      <c r="DZ126" s="795"/>
    </row>
    <row r="127" spans="1:130" s="230" customFormat="1" ht="26.25" customHeight="1" x14ac:dyDescent="0.2">
      <c r="A127" s="822"/>
      <c r="B127" s="823"/>
      <c r="C127" s="838" t="s">
        <v>476</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29</v>
      </c>
      <c r="AB127" s="780"/>
      <c r="AC127" s="780"/>
      <c r="AD127" s="780"/>
      <c r="AE127" s="781"/>
      <c r="AF127" s="782" t="s">
        <v>129</v>
      </c>
      <c r="AG127" s="780"/>
      <c r="AH127" s="780"/>
      <c r="AI127" s="780"/>
      <c r="AJ127" s="781"/>
      <c r="AK127" s="782" t="s">
        <v>129</v>
      </c>
      <c r="AL127" s="780"/>
      <c r="AM127" s="780"/>
      <c r="AN127" s="780"/>
      <c r="AO127" s="781"/>
      <c r="AP127" s="824" t="s">
        <v>129</v>
      </c>
      <c r="AQ127" s="825"/>
      <c r="AR127" s="825"/>
      <c r="AS127" s="825"/>
      <c r="AT127" s="826"/>
      <c r="AU127" s="232"/>
      <c r="AV127" s="232"/>
      <c r="AW127" s="232"/>
      <c r="AX127" s="841" t="s">
        <v>477</v>
      </c>
      <c r="AY127" s="812"/>
      <c r="AZ127" s="812"/>
      <c r="BA127" s="812"/>
      <c r="BB127" s="812"/>
      <c r="BC127" s="812"/>
      <c r="BD127" s="812"/>
      <c r="BE127" s="813"/>
      <c r="BF127" s="811" t="s">
        <v>478</v>
      </c>
      <c r="BG127" s="812"/>
      <c r="BH127" s="812"/>
      <c r="BI127" s="812"/>
      <c r="BJ127" s="812"/>
      <c r="BK127" s="812"/>
      <c r="BL127" s="813"/>
      <c r="BM127" s="811" t="s">
        <v>479</v>
      </c>
      <c r="BN127" s="812"/>
      <c r="BO127" s="812"/>
      <c r="BP127" s="812"/>
      <c r="BQ127" s="812"/>
      <c r="BR127" s="812"/>
      <c r="BS127" s="813"/>
      <c r="BT127" s="811" t="s">
        <v>480</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1</v>
      </c>
      <c r="CQ127" s="752"/>
      <c r="CR127" s="752"/>
      <c r="CS127" s="752"/>
      <c r="CT127" s="752"/>
      <c r="CU127" s="752"/>
      <c r="CV127" s="752"/>
      <c r="CW127" s="752"/>
      <c r="CX127" s="752"/>
      <c r="CY127" s="752"/>
      <c r="CZ127" s="752"/>
      <c r="DA127" s="752"/>
      <c r="DB127" s="752"/>
      <c r="DC127" s="752"/>
      <c r="DD127" s="752"/>
      <c r="DE127" s="752"/>
      <c r="DF127" s="753"/>
      <c r="DG127" s="816" t="s">
        <v>129</v>
      </c>
      <c r="DH127" s="817"/>
      <c r="DI127" s="817"/>
      <c r="DJ127" s="817"/>
      <c r="DK127" s="817"/>
      <c r="DL127" s="817" t="s">
        <v>129</v>
      </c>
      <c r="DM127" s="817"/>
      <c r="DN127" s="817"/>
      <c r="DO127" s="817"/>
      <c r="DP127" s="817"/>
      <c r="DQ127" s="817" t="s">
        <v>129</v>
      </c>
      <c r="DR127" s="817"/>
      <c r="DS127" s="817"/>
      <c r="DT127" s="817"/>
      <c r="DU127" s="817"/>
      <c r="DV127" s="794" t="s">
        <v>129</v>
      </c>
      <c r="DW127" s="794"/>
      <c r="DX127" s="794"/>
      <c r="DY127" s="794"/>
      <c r="DZ127" s="795"/>
    </row>
    <row r="128" spans="1:130" s="230" customFormat="1" ht="26.25" customHeight="1" thickBot="1" x14ac:dyDescent="0.25">
      <c r="A128" s="796" t="s">
        <v>482</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3</v>
      </c>
      <c r="X128" s="798"/>
      <c r="Y128" s="798"/>
      <c r="Z128" s="799"/>
      <c r="AA128" s="800" t="s">
        <v>129</v>
      </c>
      <c r="AB128" s="801"/>
      <c r="AC128" s="801"/>
      <c r="AD128" s="801"/>
      <c r="AE128" s="802"/>
      <c r="AF128" s="803" t="s">
        <v>129</v>
      </c>
      <c r="AG128" s="801"/>
      <c r="AH128" s="801"/>
      <c r="AI128" s="801"/>
      <c r="AJ128" s="802"/>
      <c r="AK128" s="803" t="s">
        <v>129</v>
      </c>
      <c r="AL128" s="801"/>
      <c r="AM128" s="801"/>
      <c r="AN128" s="801"/>
      <c r="AO128" s="802"/>
      <c r="AP128" s="804"/>
      <c r="AQ128" s="805"/>
      <c r="AR128" s="805"/>
      <c r="AS128" s="805"/>
      <c r="AT128" s="806"/>
      <c r="AU128" s="232"/>
      <c r="AV128" s="232"/>
      <c r="AW128" s="232"/>
      <c r="AX128" s="807" t="s">
        <v>484</v>
      </c>
      <c r="AY128" s="808"/>
      <c r="AZ128" s="808"/>
      <c r="BA128" s="808"/>
      <c r="BB128" s="808"/>
      <c r="BC128" s="808"/>
      <c r="BD128" s="808"/>
      <c r="BE128" s="809"/>
      <c r="BF128" s="786" t="s">
        <v>129</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5</v>
      </c>
      <c r="CQ128" s="730"/>
      <c r="CR128" s="730"/>
      <c r="CS128" s="730"/>
      <c r="CT128" s="730"/>
      <c r="CU128" s="730"/>
      <c r="CV128" s="730"/>
      <c r="CW128" s="730"/>
      <c r="CX128" s="730"/>
      <c r="CY128" s="730"/>
      <c r="CZ128" s="730"/>
      <c r="DA128" s="730"/>
      <c r="DB128" s="730"/>
      <c r="DC128" s="730"/>
      <c r="DD128" s="730"/>
      <c r="DE128" s="730"/>
      <c r="DF128" s="731"/>
      <c r="DG128" s="790" t="s">
        <v>129</v>
      </c>
      <c r="DH128" s="791"/>
      <c r="DI128" s="791"/>
      <c r="DJ128" s="791"/>
      <c r="DK128" s="791"/>
      <c r="DL128" s="791" t="s">
        <v>129</v>
      </c>
      <c r="DM128" s="791"/>
      <c r="DN128" s="791"/>
      <c r="DO128" s="791"/>
      <c r="DP128" s="791"/>
      <c r="DQ128" s="791" t="s">
        <v>129</v>
      </c>
      <c r="DR128" s="791"/>
      <c r="DS128" s="791"/>
      <c r="DT128" s="791"/>
      <c r="DU128" s="791"/>
      <c r="DV128" s="792" t="s">
        <v>129</v>
      </c>
      <c r="DW128" s="792"/>
      <c r="DX128" s="792"/>
      <c r="DY128" s="792"/>
      <c r="DZ128" s="793"/>
    </row>
    <row r="129" spans="1:131" s="230" customFormat="1" ht="26.25" customHeight="1" x14ac:dyDescent="0.2">
      <c r="A129" s="774" t="s">
        <v>108</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86</v>
      </c>
      <c r="X129" s="777"/>
      <c r="Y129" s="777"/>
      <c r="Z129" s="778"/>
      <c r="AA129" s="779">
        <v>3024979</v>
      </c>
      <c r="AB129" s="780"/>
      <c r="AC129" s="780"/>
      <c r="AD129" s="780"/>
      <c r="AE129" s="781"/>
      <c r="AF129" s="782">
        <v>3270895</v>
      </c>
      <c r="AG129" s="780"/>
      <c r="AH129" s="780"/>
      <c r="AI129" s="780"/>
      <c r="AJ129" s="781"/>
      <c r="AK129" s="782">
        <v>3212368</v>
      </c>
      <c r="AL129" s="780"/>
      <c r="AM129" s="780"/>
      <c r="AN129" s="780"/>
      <c r="AO129" s="781"/>
      <c r="AP129" s="783"/>
      <c r="AQ129" s="784"/>
      <c r="AR129" s="784"/>
      <c r="AS129" s="784"/>
      <c r="AT129" s="785"/>
      <c r="AU129" s="233"/>
      <c r="AV129" s="233"/>
      <c r="AW129" s="233"/>
      <c r="AX129" s="751" t="s">
        <v>487</v>
      </c>
      <c r="AY129" s="752"/>
      <c r="AZ129" s="752"/>
      <c r="BA129" s="752"/>
      <c r="BB129" s="752"/>
      <c r="BC129" s="752"/>
      <c r="BD129" s="752"/>
      <c r="BE129" s="753"/>
      <c r="BF129" s="770" t="s">
        <v>129</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88</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89</v>
      </c>
      <c r="X130" s="777"/>
      <c r="Y130" s="777"/>
      <c r="Z130" s="778"/>
      <c r="AA130" s="779">
        <v>327960</v>
      </c>
      <c r="AB130" s="780"/>
      <c r="AC130" s="780"/>
      <c r="AD130" s="780"/>
      <c r="AE130" s="781"/>
      <c r="AF130" s="782">
        <v>325716</v>
      </c>
      <c r="AG130" s="780"/>
      <c r="AH130" s="780"/>
      <c r="AI130" s="780"/>
      <c r="AJ130" s="781"/>
      <c r="AK130" s="782">
        <v>334492</v>
      </c>
      <c r="AL130" s="780"/>
      <c r="AM130" s="780"/>
      <c r="AN130" s="780"/>
      <c r="AO130" s="781"/>
      <c r="AP130" s="783"/>
      <c r="AQ130" s="784"/>
      <c r="AR130" s="784"/>
      <c r="AS130" s="784"/>
      <c r="AT130" s="785"/>
      <c r="AU130" s="233"/>
      <c r="AV130" s="233"/>
      <c r="AW130" s="233"/>
      <c r="AX130" s="751" t="s">
        <v>490</v>
      </c>
      <c r="AY130" s="752"/>
      <c r="AZ130" s="752"/>
      <c r="BA130" s="752"/>
      <c r="BB130" s="752"/>
      <c r="BC130" s="752"/>
      <c r="BD130" s="752"/>
      <c r="BE130" s="753"/>
      <c r="BF130" s="754">
        <v>6.1</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1</v>
      </c>
      <c r="X131" s="761"/>
      <c r="Y131" s="761"/>
      <c r="Z131" s="762"/>
      <c r="AA131" s="763">
        <v>2697019</v>
      </c>
      <c r="AB131" s="764"/>
      <c r="AC131" s="764"/>
      <c r="AD131" s="764"/>
      <c r="AE131" s="765"/>
      <c r="AF131" s="766">
        <v>2945179</v>
      </c>
      <c r="AG131" s="764"/>
      <c r="AH131" s="764"/>
      <c r="AI131" s="764"/>
      <c r="AJ131" s="765"/>
      <c r="AK131" s="766">
        <v>2877876</v>
      </c>
      <c r="AL131" s="764"/>
      <c r="AM131" s="764"/>
      <c r="AN131" s="764"/>
      <c r="AO131" s="765"/>
      <c r="AP131" s="767"/>
      <c r="AQ131" s="768"/>
      <c r="AR131" s="768"/>
      <c r="AS131" s="768"/>
      <c r="AT131" s="769"/>
      <c r="AU131" s="233"/>
      <c r="AV131" s="233"/>
      <c r="AW131" s="233"/>
      <c r="AX131" s="729" t="s">
        <v>492</v>
      </c>
      <c r="AY131" s="730"/>
      <c r="AZ131" s="730"/>
      <c r="BA131" s="730"/>
      <c r="BB131" s="730"/>
      <c r="BC131" s="730"/>
      <c r="BD131" s="730"/>
      <c r="BE131" s="731"/>
      <c r="BF131" s="732">
        <v>16.3</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3</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4</v>
      </c>
      <c r="W132" s="742"/>
      <c r="X132" s="742"/>
      <c r="Y132" s="742"/>
      <c r="Z132" s="743"/>
      <c r="AA132" s="744">
        <v>5.9997723409999999</v>
      </c>
      <c r="AB132" s="745"/>
      <c r="AC132" s="745"/>
      <c r="AD132" s="745"/>
      <c r="AE132" s="746"/>
      <c r="AF132" s="747">
        <v>5.8269463420000003</v>
      </c>
      <c r="AG132" s="745"/>
      <c r="AH132" s="745"/>
      <c r="AI132" s="745"/>
      <c r="AJ132" s="746"/>
      <c r="AK132" s="747">
        <v>6.6077204160000003</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5</v>
      </c>
      <c r="W133" s="721"/>
      <c r="X133" s="721"/>
      <c r="Y133" s="721"/>
      <c r="Z133" s="722"/>
      <c r="AA133" s="723">
        <v>5.5</v>
      </c>
      <c r="AB133" s="724"/>
      <c r="AC133" s="724"/>
      <c r="AD133" s="724"/>
      <c r="AE133" s="725"/>
      <c r="AF133" s="723">
        <v>5.7</v>
      </c>
      <c r="AG133" s="724"/>
      <c r="AH133" s="724"/>
      <c r="AI133" s="724"/>
      <c r="AJ133" s="725"/>
      <c r="AK133" s="723">
        <v>6.1</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oV6Yln8QtiaEXJrTy1MXScTt8MaAuJyVZ+qaRPrv5KbiEST69+jb1KSIsn3AnMOL5aLEJqofVv1yZIDH1C4I/Q==" saltValue="PVo4TCNRukhFokWCFxVWQ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40" zoomScaleNormal="85" zoomScaleSheetLayoutView="4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6</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0tckAPt5kLhlW40DRS3Ssu1SpcBpgzqSZXQeKw7H00z9lxunzLR66LBXy3hqPlzPQpzgVlYU6HaCMXiSFrsVTA==" saltValue="u62sY5jsIUMJStJjynicK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A13"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yJaVSPPz5pO314fbab6a2GPl+tuK8SFbdt8UTAWPErpCX8MgfsNG0ZphWllQ5m5fr6ZqH+52dPXIwiBJLWcgRw==" saltValue="yLsC6IrM5KoKmxW33cGHm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A7" zoomScale="40" zoomScaleSheetLayoutView="4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7</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8</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499</v>
      </c>
      <c r="AP7" s="272"/>
      <c r="AQ7" s="273" t="s">
        <v>500</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1</v>
      </c>
      <c r="AQ8" s="279" t="s">
        <v>502</v>
      </c>
      <c r="AR8" s="280" t="s">
        <v>503</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04</v>
      </c>
      <c r="AL9" s="1131"/>
      <c r="AM9" s="1131"/>
      <c r="AN9" s="1132"/>
      <c r="AO9" s="281">
        <v>1004540</v>
      </c>
      <c r="AP9" s="281">
        <v>94625</v>
      </c>
      <c r="AQ9" s="282">
        <v>108757</v>
      </c>
      <c r="AR9" s="283">
        <v>-1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05</v>
      </c>
      <c r="AL10" s="1131"/>
      <c r="AM10" s="1131"/>
      <c r="AN10" s="1132"/>
      <c r="AO10" s="284">
        <v>23010</v>
      </c>
      <c r="AP10" s="284">
        <v>2167</v>
      </c>
      <c r="AQ10" s="285">
        <v>15108</v>
      </c>
      <c r="AR10" s="286">
        <v>-85.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06</v>
      </c>
      <c r="AL11" s="1131"/>
      <c r="AM11" s="1131"/>
      <c r="AN11" s="1132"/>
      <c r="AO11" s="284" t="s">
        <v>507</v>
      </c>
      <c r="AP11" s="284" t="s">
        <v>507</v>
      </c>
      <c r="AQ11" s="285">
        <v>1414</v>
      </c>
      <c r="AR11" s="286" t="s">
        <v>50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08</v>
      </c>
      <c r="AL12" s="1131"/>
      <c r="AM12" s="1131"/>
      <c r="AN12" s="1132"/>
      <c r="AO12" s="284" t="s">
        <v>507</v>
      </c>
      <c r="AP12" s="284" t="s">
        <v>507</v>
      </c>
      <c r="AQ12" s="285">
        <v>40</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09</v>
      </c>
      <c r="AL13" s="1131"/>
      <c r="AM13" s="1131"/>
      <c r="AN13" s="1132"/>
      <c r="AO13" s="284">
        <v>62601</v>
      </c>
      <c r="AP13" s="284">
        <v>5897</v>
      </c>
      <c r="AQ13" s="285">
        <v>4611</v>
      </c>
      <c r="AR13" s="286">
        <v>27.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0</v>
      </c>
      <c r="AL14" s="1131"/>
      <c r="AM14" s="1131"/>
      <c r="AN14" s="1132"/>
      <c r="AO14" s="284">
        <v>14076</v>
      </c>
      <c r="AP14" s="284">
        <v>1326</v>
      </c>
      <c r="AQ14" s="285">
        <v>2427</v>
      </c>
      <c r="AR14" s="286">
        <v>-45.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1</v>
      </c>
      <c r="AL15" s="1134"/>
      <c r="AM15" s="1134"/>
      <c r="AN15" s="1135"/>
      <c r="AO15" s="284">
        <v>-72505</v>
      </c>
      <c r="AP15" s="284">
        <v>-6830</v>
      </c>
      <c r="AQ15" s="285">
        <v>-7785</v>
      </c>
      <c r="AR15" s="286">
        <v>-12.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88</v>
      </c>
      <c r="AL16" s="1134"/>
      <c r="AM16" s="1134"/>
      <c r="AN16" s="1135"/>
      <c r="AO16" s="284">
        <v>1031722</v>
      </c>
      <c r="AP16" s="284">
        <v>97186</v>
      </c>
      <c r="AQ16" s="285">
        <v>124572</v>
      </c>
      <c r="AR16" s="286">
        <v>-22</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2</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3</v>
      </c>
      <c r="AP20" s="293" t="s">
        <v>514</v>
      </c>
      <c r="AQ20" s="294" t="s">
        <v>515</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16</v>
      </c>
      <c r="AL21" s="1137"/>
      <c r="AM21" s="1137"/>
      <c r="AN21" s="1138"/>
      <c r="AO21" s="297">
        <v>9.51</v>
      </c>
      <c r="AP21" s="298">
        <v>10.78</v>
      </c>
      <c r="AQ21" s="299">
        <v>-1.27</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17</v>
      </c>
      <c r="AL22" s="1137"/>
      <c r="AM22" s="1137"/>
      <c r="AN22" s="1138"/>
      <c r="AO22" s="302">
        <v>97.5</v>
      </c>
      <c r="AP22" s="303">
        <v>96.3</v>
      </c>
      <c r="AQ22" s="304">
        <v>1.2</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18</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19</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0</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499</v>
      </c>
      <c r="AP30" s="272"/>
      <c r="AQ30" s="273" t="s">
        <v>500</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1</v>
      </c>
      <c r="AQ31" s="279" t="s">
        <v>502</v>
      </c>
      <c r="AR31" s="280" t="s">
        <v>503</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1</v>
      </c>
      <c r="AL32" s="1121"/>
      <c r="AM32" s="1121"/>
      <c r="AN32" s="1122"/>
      <c r="AO32" s="312">
        <v>428615</v>
      </c>
      <c r="AP32" s="312">
        <v>40374</v>
      </c>
      <c r="AQ32" s="313">
        <v>62543</v>
      </c>
      <c r="AR32" s="314">
        <v>-35.4</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2</v>
      </c>
      <c r="AL33" s="1121"/>
      <c r="AM33" s="1121"/>
      <c r="AN33" s="1122"/>
      <c r="AO33" s="312" t="s">
        <v>507</v>
      </c>
      <c r="AP33" s="312" t="s">
        <v>507</v>
      </c>
      <c r="AQ33" s="313" t="s">
        <v>507</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23</v>
      </c>
      <c r="AL34" s="1121"/>
      <c r="AM34" s="1121"/>
      <c r="AN34" s="1122"/>
      <c r="AO34" s="312" t="s">
        <v>507</v>
      </c>
      <c r="AP34" s="312" t="s">
        <v>507</v>
      </c>
      <c r="AQ34" s="313" t="s">
        <v>507</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24</v>
      </c>
      <c r="AL35" s="1121"/>
      <c r="AM35" s="1121"/>
      <c r="AN35" s="1122"/>
      <c r="AO35" s="312">
        <v>91510</v>
      </c>
      <c r="AP35" s="312">
        <v>8620</v>
      </c>
      <c r="AQ35" s="313">
        <v>16620</v>
      </c>
      <c r="AR35" s="314">
        <v>-48.1</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25</v>
      </c>
      <c r="AL36" s="1121"/>
      <c r="AM36" s="1121"/>
      <c r="AN36" s="1122"/>
      <c r="AO36" s="312" t="s">
        <v>507</v>
      </c>
      <c r="AP36" s="312" t="s">
        <v>507</v>
      </c>
      <c r="AQ36" s="313">
        <v>3562</v>
      </c>
      <c r="AR36" s="314" t="s">
        <v>507</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26</v>
      </c>
      <c r="AL37" s="1121"/>
      <c r="AM37" s="1121"/>
      <c r="AN37" s="1122"/>
      <c r="AO37" s="312">
        <v>4529</v>
      </c>
      <c r="AP37" s="312">
        <v>427</v>
      </c>
      <c r="AQ37" s="313">
        <v>625</v>
      </c>
      <c r="AR37" s="314">
        <v>-31.7</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27</v>
      </c>
      <c r="AL38" s="1124"/>
      <c r="AM38" s="1124"/>
      <c r="AN38" s="1125"/>
      <c r="AO38" s="315" t="s">
        <v>507</v>
      </c>
      <c r="AP38" s="315" t="s">
        <v>507</v>
      </c>
      <c r="AQ38" s="316">
        <v>3</v>
      </c>
      <c r="AR38" s="304" t="s">
        <v>507</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28</v>
      </c>
      <c r="AL39" s="1124"/>
      <c r="AM39" s="1124"/>
      <c r="AN39" s="1125"/>
      <c r="AO39" s="312" t="s">
        <v>507</v>
      </c>
      <c r="AP39" s="312" t="s">
        <v>507</v>
      </c>
      <c r="AQ39" s="313">
        <v>-2822</v>
      </c>
      <c r="AR39" s="314" t="s">
        <v>507</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29</v>
      </c>
      <c r="AL40" s="1121"/>
      <c r="AM40" s="1121"/>
      <c r="AN40" s="1122"/>
      <c r="AO40" s="312">
        <v>-334492</v>
      </c>
      <c r="AP40" s="312">
        <v>-31508</v>
      </c>
      <c r="AQ40" s="313">
        <v>-53912</v>
      </c>
      <c r="AR40" s="314">
        <v>-41.6</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299</v>
      </c>
      <c r="AL41" s="1127"/>
      <c r="AM41" s="1127"/>
      <c r="AN41" s="1128"/>
      <c r="AO41" s="312">
        <v>190162</v>
      </c>
      <c r="AP41" s="312">
        <v>17913</v>
      </c>
      <c r="AQ41" s="313">
        <v>26618</v>
      </c>
      <c r="AR41" s="314">
        <v>-32.700000000000003</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0</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1</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2</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499</v>
      </c>
      <c r="AN49" s="1115" t="s">
        <v>533</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34</v>
      </c>
      <c r="AO50" s="329" t="s">
        <v>535</v>
      </c>
      <c r="AP50" s="330" t="s">
        <v>536</v>
      </c>
      <c r="AQ50" s="331" t="s">
        <v>537</v>
      </c>
      <c r="AR50" s="332" t="s">
        <v>538</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9</v>
      </c>
      <c r="AL51" s="325"/>
      <c r="AM51" s="333">
        <v>977378</v>
      </c>
      <c r="AN51" s="334">
        <v>87056</v>
      </c>
      <c r="AO51" s="335">
        <v>104.7</v>
      </c>
      <c r="AP51" s="336">
        <v>88328</v>
      </c>
      <c r="AQ51" s="337">
        <v>-1.9</v>
      </c>
      <c r="AR51" s="338">
        <v>106.6</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0</v>
      </c>
      <c r="AM52" s="341">
        <v>150955</v>
      </c>
      <c r="AN52" s="342">
        <v>13446</v>
      </c>
      <c r="AO52" s="343">
        <v>-44.6</v>
      </c>
      <c r="AP52" s="344">
        <v>49013</v>
      </c>
      <c r="AQ52" s="345">
        <v>6.4</v>
      </c>
      <c r="AR52" s="346">
        <v>-51</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1</v>
      </c>
      <c r="AL53" s="325"/>
      <c r="AM53" s="333">
        <v>631768</v>
      </c>
      <c r="AN53" s="334">
        <v>56834</v>
      </c>
      <c r="AO53" s="335">
        <v>-34.700000000000003</v>
      </c>
      <c r="AP53" s="336">
        <v>103390</v>
      </c>
      <c r="AQ53" s="337">
        <v>17.100000000000001</v>
      </c>
      <c r="AR53" s="338">
        <v>-51.8</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0</v>
      </c>
      <c r="AM54" s="341">
        <v>337435</v>
      </c>
      <c r="AN54" s="342">
        <v>30356</v>
      </c>
      <c r="AO54" s="343">
        <v>125.8</v>
      </c>
      <c r="AP54" s="344">
        <v>51269</v>
      </c>
      <c r="AQ54" s="345">
        <v>4.5999999999999996</v>
      </c>
      <c r="AR54" s="346">
        <v>121.2</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2</v>
      </c>
      <c r="AL55" s="325"/>
      <c r="AM55" s="333">
        <v>1134084</v>
      </c>
      <c r="AN55" s="334">
        <v>103749</v>
      </c>
      <c r="AO55" s="335">
        <v>82.5</v>
      </c>
      <c r="AP55" s="336">
        <v>117234</v>
      </c>
      <c r="AQ55" s="337">
        <v>13.4</v>
      </c>
      <c r="AR55" s="338">
        <v>69.099999999999994</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0</v>
      </c>
      <c r="AM56" s="341">
        <v>318467</v>
      </c>
      <c r="AN56" s="342">
        <v>29134</v>
      </c>
      <c r="AO56" s="343">
        <v>-4</v>
      </c>
      <c r="AP56" s="344">
        <v>59796</v>
      </c>
      <c r="AQ56" s="345">
        <v>16.600000000000001</v>
      </c>
      <c r="AR56" s="346">
        <v>-20.6</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3</v>
      </c>
      <c r="AL57" s="325"/>
      <c r="AM57" s="333">
        <v>2146884</v>
      </c>
      <c r="AN57" s="334">
        <v>199599</v>
      </c>
      <c r="AO57" s="335">
        <v>92.4</v>
      </c>
      <c r="AP57" s="336">
        <v>97758</v>
      </c>
      <c r="AQ57" s="337">
        <v>-16.600000000000001</v>
      </c>
      <c r="AR57" s="338">
        <v>109</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0</v>
      </c>
      <c r="AM58" s="341">
        <v>72364</v>
      </c>
      <c r="AN58" s="342">
        <v>6728</v>
      </c>
      <c r="AO58" s="343">
        <v>-76.900000000000006</v>
      </c>
      <c r="AP58" s="344">
        <v>45946</v>
      </c>
      <c r="AQ58" s="345">
        <v>-23.2</v>
      </c>
      <c r="AR58" s="346">
        <v>-53.7</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4</v>
      </c>
      <c r="AL59" s="325"/>
      <c r="AM59" s="333">
        <v>812344</v>
      </c>
      <c r="AN59" s="334">
        <v>76521</v>
      </c>
      <c r="AO59" s="335">
        <v>-61.7</v>
      </c>
      <c r="AP59" s="336">
        <v>91338</v>
      </c>
      <c r="AQ59" s="337">
        <v>-6.6</v>
      </c>
      <c r="AR59" s="338">
        <v>-55.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0</v>
      </c>
      <c r="AM60" s="341">
        <v>157229</v>
      </c>
      <c r="AN60" s="342">
        <v>14811</v>
      </c>
      <c r="AO60" s="343">
        <v>120.1</v>
      </c>
      <c r="AP60" s="344">
        <v>43989</v>
      </c>
      <c r="AQ60" s="345">
        <v>-4.3</v>
      </c>
      <c r="AR60" s="346">
        <v>124.4</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5</v>
      </c>
      <c r="AL61" s="347"/>
      <c r="AM61" s="348">
        <v>1140492</v>
      </c>
      <c r="AN61" s="349">
        <v>104752</v>
      </c>
      <c r="AO61" s="350">
        <v>36.6</v>
      </c>
      <c r="AP61" s="351">
        <v>99610</v>
      </c>
      <c r="AQ61" s="352">
        <v>1.1000000000000001</v>
      </c>
      <c r="AR61" s="338">
        <v>35.5</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0</v>
      </c>
      <c r="AM62" s="341">
        <v>207290</v>
      </c>
      <c r="AN62" s="342">
        <v>18895</v>
      </c>
      <c r="AO62" s="343">
        <v>24.1</v>
      </c>
      <c r="AP62" s="344">
        <v>50003</v>
      </c>
      <c r="AQ62" s="345">
        <v>0</v>
      </c>
      <c r="AR62" s="346">
        <v>24.1</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YjiMqNshFr4JdaG/D1FQjftudPAFTrcUjtQOdn0Bf9fDYiBQM39dc11xG860IPjsdQRLoXFeFR5bK2RfVFTN/Q==" saltValue="v6d2LGzjB74T8/+qsmQkR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B77"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7</v>
      </c>
    </row>
    <row r="120" spans="125:125" ht="13.5" hidden="1" customHeight="1" x14ac:dyDescent="0.2"/>
    <row r="121" spans="125:125" ht="13.5" hidden="1" customHeight="1" x14ac:dyDescent="0.2">
      <c r="DU121" s="259"/>
    </row>
  </sheetData>
  <sheetProtection algorithmName="SHA-512" hashValue="eipD3Js9za0z938tM8tsXIs170R0RDWbCZ63bHKPcWPbTU+ZIfbn9QZUSfS6i7mpvot8cH4iNM36LGuIyCU3ZQ==" saltValue="opR0l+51AZojtvNV25n3t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40" zoomScaleNormal="4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8</v>
      </c>
    </row>
  </sheetData>
  <sheetProtection algorithmName="SHA-512" hashValue="3gnkeWyz45t//DjHg2KtTRw+gr3xH/NfIiu2O+E1m/Ih8fIPlPBtVkbkad7CWmb0TXujeZLrthVuizjw3P6Xrg==" saltValue="1r6rPm5bpNVBmn9OglySm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A7" zoomScale="40" zoomScaleNormal="40" zoomScaleSheetLayoutView="100" workbookViewId="0">
      <selection activeCell="O45" sqref="O45"/>
    </sheetView>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139" t="s">
        <v>3</v>
      </c>
      <c r="D47" s="1139"/>
      <c r="E47" s="1140"/>
      <c r="F47" s="11">
        <v>12.21</v>
      </c>
      <c r="G47" s="12">
        <v>12.38</v>
      </c>
      <c r="H47" s="12">
        <v>24.49</v>
      </c>
      <c r="I47" s="12">
        <v>36.56</v>
      </c>
      <c r="J47" s="13">
        <v>46.56</v>
      </c>
    </row>
    <row r="48" spans="2:10" ht="57.75" customHeight="1" x14ac:dyDescent="0.2">
      <c r="B48" s="14"/>
      <c r="C48" s="1141" t="s">
        <v>4</v>
      </c>
      <c r="D48" s="1141"/>
      <c r="E48" s="1142"/>
      <c r="F48" s="15">
        <v>5.12</v>
      </c>
      <c r="G48" s="16">
        <v>7.2</v>
      </c>
      <c r="H48" s="16">
        <v>12.28</v>
      </c>
      <c r="I48" s="16">
        <v>15.44</v>
      </c>
      <c r="J48" s="17">
        <v>11.99</v>
      </c>
    </row>
    <row r="49" spans="2:10" ht="57.75" customHeight="1" thickBot="1" x14ac:dyDescent="0.25">
      <c r="B49" s="18"/>
      <c r="C49" s="1143" t="s">
        <v>5</v>
      </c>
      <c r="D49" s="1143"/>
      <c r="E49" s="1144"/>
      <c r="F49" s="19" t="s">
        <v>554</v>
      </c>
      <c r="G49" s="20">
        <v>2.0099999999999998</v>
      </c>
      <c r="H49" s="20">
        <v>18.22</v>
      </c>
      <c r="I49" s="20">
        <v>10.96</v>
      </c>
      <c r="J49" s="21" t="s">
        <v>555</v>
      </c>
    </row>
    <row r="50" spans="2:10" ht="13.2" x14ac:dyDescent="0.2"/>
  </sheetData>
  <sheetProtection algorithmName="SHA-512" hashValue="wKtL80Qljcgb2+9MPa5fxHIF9uZ00+FtmR861DgWYcIFvGkD0PZ/wehUnjAeFlFqMLW4XmkmyxqDltnOy++0kQ==" saltValue="WA5hYsxaDwk8YLp9Ne20B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4-03-22T06:33:13Z</cp:lastPrinted>
  <dcterms:created xsi:type="dcterms:W3CDTF">2024-03-14T02:08:10Z</dcterms:created>
  <dcterms:modified xsi:type="dcterms:W3CDTF">2024-03-27T23:38:33Z</dcterms:modified>
  <cp:category/>
</cp:coreProperties>
</file>